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教育・文化" sheetId="1" r:id="rId1"/>
  </sheets>
  <definedNames>
    <definedName name="_xlnm.Print_Area" localSheetId="0">教育・文化!$A$1:$AG$51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D419" i="1" l="1"/>
  <c r="V419" i="1"/>
  <c r="N419" i="1"/>
  <c r="AB51" i="1" l="1"/>
  <c r="V51" i="1"/>
  <c r="P51" i="1"/>
  <c r="M51" i="1"/>
  <c r="J51" i="1"/>
  <c r="M20" i="1"/>
  <c r="J20" i="1"/>
  <c r="AB20" i="1"/>
  <c r="V20" i="1"/>
  <c r="AD139" i="1" l="1"/>
  <c r="Z139" i="1"/>
  <c r="S139" i="1"/>
  <c r="O139" i="1"/>
  <c r="L139" i="1"/>
  <c r="I139" i="1"/>
  <c r="P20" i="1" l="1"/>
</calcChain>
</file>

<file path=xl/sharedStrings.xml><?xml version="1.0" encoding="utf-8"?>
<sst xmlns="http://schemas.openxmlformats.org/spreadsheetml/2006/main" count="1426" uniqueCount="657">
  <si>
    <t>資料：田辺中央体育館</t>
    <rPh sb="0" eb="2">
      <t>シリョウ</t>
    </rPh>
    <rPh sb="3" eb="5">
      <t>タナベ</t>
    </rPh>
    <rPh sb="5" eb="7">
      <t>チュウオウ</t>
    </rPh>
    <rPh sb="7" eb="10">
      <t>タイイクカン</t>
    </rPh>
    <phoneticPr fontId="3"/>
  </si>
  <si>
    <t>計</t>
  </si>
  <si>
    <t>男</t>
  </si>
  <si>
    <t>女</t>
  </si>
  <si>
    <t>４歳児</t>
  </si>
  <si>
    <t>５歳児</t>
  </si>
  <si>
    <t>３年生</t>
  </si>
  <si>
    <t>４年生</t>
  </si>
  <si>
    <t>５年生</t>
  </si>
  <si>
    <t>６年生</t>
  </si>
  <si>
    <t>１学年</t>
  </si>
  <si>
    <t>２学年</t>
  </si>
  <si>
    <t>３学年</t>
  </si>
  <si>
    <t>４学年</t>
  </si>
  <si>
    <t>観音寺十一面観音立像</t>
  </si>
  <si>
    <t>一休和尚画像</t>
  </si>
  <si>
    <t>白山神社石灯籠</t>
  </si>
  <si>
    <t>極楽寺九重石塔</t>
  </si>
  <si>
    <t>酬恩庵庭園</t>
  </si>
  <si>
    <t>朱智神社牛頭天王立像</t>
  </si>
  <si>
    <t>天神社本殿</t>
  </si>
  <si>
    <t>天神社文化財環境保全地区</t>
  </si>
  <si>
    <t>大住隼人舞</t>
  </si>
  <si>
    <t>瑞饋神輿</t>
  </si>
  <si>
    <t>石棒</t>
  </si>
  <si>
    <t>〔　教　育　〕</t>
    <rPh sb="2" eb="5">
      <t>キョウイク</t>
    </rPh>
    <phoneticPr fontId="3"/>
  </si>
  <si>
    <t>１．幼稚園数、教員数及び園児数</t>
    <rPh sb="2" eb="5">
      <t>ヨウチエン</t>
    </rPh>
    <rPh sb="5" eb="6">
      <t>スウ</t>
    </rPh>
    <rPh sb="7" eb="10">
      <t>キョウインスウ</t>
    </rPh>
    <rPh sb="10" eb="11">
      <t>オヨ</t>
    </rPh>
    <rPh sb="12" eb="14">
      <t>エンジ</t>
    </rPh>
    <rPh sb="14" eb="15">
      <t>ジドウスウ</t>
    </rPh>
    <phoneticPr fontId="3"/>
  </si>
  <si>
    <t>（各年５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3"/>
  </si>
  <si>
    <t>単位：園、人</t>
    <rPh sb="0" eb="2">
      <t>タンイ</t>
    </rPh>
    <rPh sb="3" eb="4">
      <t>エン</t>
    </rPh>
    <rPh sb="5" eb="6">
      <t>ニン</t>
    </rPh>
    <phoneticPr fontId="3"/>
  </si>
  <si>
    <t>年度</t>
    <rPh sb="0" eb="2">
      <t>ネンド</t>
    </rPh>
    <phoneticPr fontId="3"/>
  </si>
  <si>
    <t>区分</t>
    <rPh sb="0" eb="2">
      <t>クブン</t>
    </rPh>
    <phoneticPr fontId="3"/>
  </si>
  <si>
    <t>園数</t>
    <rPh sb="0" eb="1">
      <t>エン</t>
    </rPh>
    <rPh sb="1" eb="2">
      <t>スウ</t>
    </rPh>
    <phoneticPr fontId="3"/>
  </si>
  <si>
    <t>計</t>
    <rPh sb="0" eb="1">
      <t>ケ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教員数</t>
    <rPh sb="0" eb="3">
      <t>キョウインスウ</t>
    </rPh>
    <phoneticPr fontId="3"/>
  </si>
  <si>
    <t>園児総数</t>
    <rPh sb="0" eb="2">
      <t>エンジスウ</t>
    </rPh>
    <rPh sb="2" eb="4">
      <t>ソウスウ</t>
    </rPh>
    <phoneticPr fontId="3"/>
  </si>
  <si>
    <t>注１　教員数は本務者のみ。</t>
    <rPh sb="0" eb="1">
      <t>チュウ</t>
    </rPh>
    <rPh sb="3" eb="6">
      <t>キョウインスウ</t>
    </rPh>
    <rPh sb="7" eb="9">
      <t>ホンム</t>
    </rPh>
    <rPh sb="9" eb="10">
      <t>シャ</t>
    </rPh>
    <phoneticPr fontId="3"/>
  </si>
  <si>
    <t>２．幼稚園施設の状況</t>
    <rPh sb="2" eb="5">
      <t>ヨウチエン</t>
    </rPh>
    <rPh sb="5" eb="7">
      <t>シセツ</t>
    </rPh>
    <rPh sb="8" eb="10">
      <t>ジョウキョウ</t>
    </rPh>
    <phoneticPr fontId="3"/>
  </si>
  <si>
    <t>単位：室、㎡</t>
    <rPh sb="0" eb="2">
      <t>タンイ</t>
    </rPh>
    <rPh sb="3" eb="4">
      <t>シツ</t>
    </rPh>
    <phoneticPr fontId="3"/>
  </si>
  <si>
    <t>教室数</t>
    <rPh sb="0" eb="3">
      <t>キョウシツスウ</t>
    </rPh>
    <phoneticPr fontId="3"/>
  </si>
  <si>
    <t>校舎面積</t>
    <rPh sb="0" eb="1">
      <t>コウ</t>
    </rPh>
    <rPh sb="1" eb="2">
      <t>コウシャ</t>
    </rPh>
    <rPh sb="2" eb="4">
      <t>メンセキ</t>
    </rPh>
    <phoneticPr fontId="3"/>
  </si>
  <si>
    <t>敷地面積</t>
    <rPh sb="0" eb="2">
      <t>シキチ</t>
    </rPh>
    <rPh sb="2" eb="4">
      <t>メンセキ</t>
    </rPh>
    <phoneticPr fontId="3"/>
  </si>
  <si>
    <t>園名</t>
    <rPh sb="0" eb="1">
      <t>エン</t>
    </rPh>
    <rPh sb="1" eb="2">
      <t>メイ</t>
    </rPh>
    <phoneticPr fontId="3"/>
  </si>
  <si>
    <t>保育室数</t>
    <rPh sb="0" eb="3">
      <t>ホイクシツ</t>
    </rPh>
    <rPh sb="3" eb="4">
      <t>スウ</t>
    </rPh>
    <phoneticPr fontId="3"/>
  </si>
  <si>
    <t>遊戯室数</t>
    <rPh sb="0" eb="3">
      <t>ユウギシツ</t>
    </rPh>
    <rPh sb="3" eb="4">
      <t>スウ</t>
    </rPh>
    <phoneticPr fontId="3"/>
  </si>
  <si>
    <t>総数</t>
    <rPh sb="0" eb="2">
      <t>ソウスウ</t>
    </rPh>
    <phoneticPr fontId="3"/>
  </si>
  <si>
    <t>田辺</t>
    <rPh sb="0" eb="2">
      <t>タナベ</t>
    </rPh>
    <phoneticPr fontId="3"/>
  </si>
  <si>
    <t>大住</t>
    <rPh sb="0" eb="2">
      <t>オオスミ</t>
    </rPh>
    <phoneticPr fontId="3"/>
  </si>
  <si>
    <t>聖愛</t>
    <rPh sb="0" eb="2">
      <t>セイアイ</t>
    </rPh>
    <phoneticPr fontId="3"/>
  </si>
  <si>
    <t>注１　市立幼稚園の状況数値は、公立学校施設台帳による。</t>
    <rPh sb="0" eb="1">
      <t>チュウ</t>
    </rPh>
    <phoneticPr fontId="3"/>
  </si>
  <si>
    <t>学校数</t>
    <rPh sb="0" eb="3">
      <t>ガッコウスウ</t>
    </rPh>
    <phoneticPr fontId="3"/>
  </si>
  <si>
    <t>学級数</t>
    <rPh sb="0" eb="3">
      <t>ガッキュウスウ</t>
    </rPh>
    <phoneticPr fontId="3"/>
  </si>
  <si>
    <t>児童総数</t>
    <rPh sb="0" eb="2">
      <t>ジドウ</t>
    </rPh>
    <rPh sb="2" eb="4">
      <t>ソウスウ</t>
    </rPh>
    <phoneticPr fontId="3"/>
  </si>
  <si>
    <t>１年生</t>
    <rPh sb="1" eb="3">
      <t>ネンセイ</t>
    </rPh>
    <phoneticPr fontId="3"/>
  </si>
  <si>
    <t>２年生</t>
    <rPh sb="1" eb="3">
      <t>ネンセイ</t>
    </rPh>
    <phoneticPr fontId="3"/>
  </si>
  <si>
    <t>単位：人</t>
    <rPh sb="0" eb="2">
      <t>タンイ</t>
    </rPh>
    <rPh sb="3" eb="4">
      <t>ニン</t>
    </rPh>
    <phoneticPr fontId="3"/>
  </si>
  <si>
    <t>単式学級</t>
    <rPh sb="0" eb="2">
      <t>タンシキ</t>
    </rPh>
    <rPh sb="2" eb="4">
      <t>ガッキュウ</t>
    </rPh>
    <phoneticPr fontId="3"/>
  </si>
  <si>
    <t>複式学級</t>
    <rPh sb="0" eb="2">
      <t>フクシキ</t>
    </rPh>
    <rPh sb="2" eb="4">
      <t>ガッキュウ</t>
    </rPh>
    <phoneticPr fontId="3"/>
  </si>
  <si>
    <t>５学年</t>
    <rPh sb="1" eb="3">
      <t>ガクネン</t>
    </rPh>
    <phoneticPr fontId="3"/>
  </si>
  <si>
    <t>６学年</t>
    <rPh sb="1" eb="3">
      <t>ガクネン</t>
    </rPh>
    <phoneticPr fontId="3"/>
  </si>
  <si>
    <t>校舎面積</t>
    <rPh sb="0" eb="2">
      <t>コウシャ</t>
    </rPh>
    <rPh sb="2" eb="4">
      <t>メンセキ</t>
    </rPh>
    <phoneticPr fontId="3"/>
  </si>
  <si>
    <t>校名</t>
    <rPh sb="0" eb="2">
      <t>コウメイ</t>
    </rPh>
    <phoneticPr fontId="3"/>
  </si>
  <si>
    <t>普通教室</t>
    <rPh sb="0" eb="2">
      <t>フツウ</t>
    </rPh>
    <rPh sb="2" eb="4">
      <t>キョウシツ</t>
    </rPh>
    <phoneticPr fontId="3"/>
  </si>
  <si>
    <t>特別教室</t>
    <rPh sb="0" eb="2">
      <t>トクベツ</t>
    </rPh>
    <rPh sb="2" eb="4">
      <t>キョウシツ</t>
    </rPh>
    <phoneticPr fontId="3"/>
  </si>
  <si>
    <t>うち運動場</t>
    <rPh sb="2" eb="5">
      <t>ウンドウジョウ</t>
    </rPh>
    <phoneticPr fontId="3"/>
  </si>
  <si>
    <t>30日以上の欠席者数</t>
    <rPh sb="2" eb="5">
      <t>ニチイジョウ</t>
    </rPh>
    <rPh sb="6" eb="9">
      <t>ケッセキシャ</t>
    </rPh>
    <rPh sb="9" eb="10">
      <t>スウ</t>
    </rPh>
    <phoneticPr fontId="3"/>
  </si>
  <si>
    <t>病気</t>
    <rPh sb="0" eb="2">
      <t>ビョウキ</t>
    </rPh>
    <phoneticPr fontId="3"/>
  </si>
  <si>
    <t>経済的理由</t>
    <rPh sb="0" eb="3">
      <t>ケイザイテキ</t>
    </rPh>
    <rPh sb="3" eb="5">
      <t>リユウ</t>
    </rPh>
    <phoneticPr fontId="3"/>
  </si>
  <si>
    <t>不登校</t>
    <rPh sb="0" eb="3">
      <t>フトウコウ</t>
    </rPh>
    <phoneticPr fontId="3"/>
  </si>
  <si>
    <t>その他</t>
    <rPh sb="2" eb="3">
      <t>タ</t>
    </rPh>
    <phoneticPr fontId="3"/>
  </si>
  <si>
    <t>注１　不登校とは、何らかの心理的、情緒的、身体的、あるいは社会的要因・背景による長期欠席をいう。</t>
    <rPh sb="0" eb="1">
      <t>チュウ</t>
    </rPh>
    <rPh sb="3" eb="6">
      <t>フトウコウ</t>
    </rPh>
    <rPh sb="9" eb="10">
      <t>ナン</t>
    </rPh>
    <rPh sb="13" eb="16">
      <t>シンリテキ</t>
    </rPh>
    <rPh sb="17" eb="19">
      <t>ジョウチョ</t>
    </rPh>
    <rPh sb="19" eb="20">
      <t>テキ</t>
    </rPh>
    <rPh sb="21" eb="24">
      <t>シンタイテキ</t>
    </rPh>
    <rPh sb="29" eb="32">
      <t>シャカイテキ</t>
    </rPh>
    <rPh sb="32" eb="34">
      <t>ヨウイン</t>
    </rPh>
    <rPh sb="35" eb="37">
      <t>ハイケイ</t>
    </rPh>
    <rPh sb="40" eb="42">
      <t>チョウキ</t>
    </rPh>
    <rPh sb="42" eb="44">
      <t>ケッセキ</t>
    </rPh>
    <phoneticPr fontId="3"/>
  </si>
  <si>
    <t>生徒総数</t>
    <rPh sb="0" eb="2">
      <t>セイト</t>
    </rPh>
    <rPh sb="2" eb="4">
      <t>ソウスウ</t>
    </rPh>
    <phoneticPr fontId="3"/>
  </si>
  <si>
    <t>１学年</t>
    <rPh sb="1" eb="3">
      <t>ガクネン</t>
    </rPh>
    <phoneticPr fontId="3"/>
  </si>
  <si>
    <t>２学年</t>
    <rPh sb="1" eb="3">
      <t>ガクネン</t>
    </rPh>
    <phoneticPr fontId="3"/>
  </si>
  <si>
    <t>３学年</t>
    <rPh sb="1" eb="3">
      <t>ガクネン</t>
    </rPh>
    <phoneticPr fontId="3"/>
  </si>
  <si>
    <t>培良</t>
    <rPh sb="0" eb="1">
      <t>バイ</t>
    </rPh>
    <rPh sb="1" eb="2">
      <t>リョウ</t>
    </rPh>
    <phoneticPr fontId="3"/>
  </si>
  <si>
    <t>同志社国際</t>
    <rPh sb="0" eb="3">
      <t>ドウシシャ</t>
    </rPh>
    <rPh sb="3" eb="5">
      <t>コクサイ</t>
    </rPh>
    <phoneticPr fontId="3"/>
  </si>
  <si>
    <t>注１　市立中学校の状況数値は、公立学校施設台帳による。</t>
    <rPh sb="0" eb="1">
      <t>チュウ</t>
    </rPh>
    <phoneticPr fontId="3"/>
  </si>
  <si>
    <t>単位：人、％</t>
    <rPh sb="0" eb="2">
      <t>タンイ</t>
    </rPh>
    <rPh sb="3" eb="4">
      <t>ニン</t>
    </rPh>
    <phoneticPr fontId="3"/>
  </si>
  <si>
    <t>卒業者総数</t>
    <rPh sb="0" eb="3">
      <t>ソツギョウシャ</t>
    </rPh>
    <rPh sb="3" eb="5">
      <t>ソウスウ</t>
    </rPh>
    <phoneticPr fontId="3"/>
  </si>
  <si>
    <t>卒業者内訳</t>
    <rPh sb="0" eb="3">
      <t>ソツギョウシャ</t>
    </rPh>
    <rPh sb="3" eb="5">
      <t>ウチワケ</t>
    </rPh>
    <phoneticPr fontId="3"/>
  </si>
  <si>
    <t>就職率</t>
    <rPh sb="0" eb="3">
      <t>シュウショクリツ</t>
    </rPh>
    <phoneticPr fontId="3"/>
  </si>
  <si>
    <t>就職者</t>
    <rPh sb="0" eb="3">
      <t>シュウショクシャ</t>
    </rPh>
    <phoneticPr fontId="3"/>
  </si>
  <si>
    <t>単位：回、人</t>
    <rPh sb="0" eb="2">
      <t>タンイ</t>
    </rPh>
    <rPh sb="3" eb="4">
      <t>カイ</t>
    </rPh>
    <rPh sb="5" eb="6">
      <t>ニン</t>
    </rPh>
    <phoneticPr fontId="3"/>
  </si>
  <si>
    <t>〔　文　化　〕</t>
    <rPh sb="2" eb="5">
      <t>ブンカ</t>
    </rPh>
    <phoneticPr fontId="3"/>
  </si>
  <si>
    <t>所在地</t>
    <rPh sb="0" eb="3">
      <t>ショザイチ</t>
    </rPh>
    <phoneticPr fontId="3"/>
  </si>
  <si>
    <t>指定年月日</t>
    <rPh sb="0" eb="2">
      <t>シテイ</t>
    </rPh>
    <rPh sb="2" eb="5">
      <t>ネンガッピ</t>
    </rPh>
    <phoneticPr fontId="3"/>
  </si>
  <si>
    <t>室町以降</t>
    <rPh sb="0" eb="2">
      <t>ムロマチ</t>
    </rPh>
    <rPh sb="2" eb="4">
      <t>イコウ</t>
    </rPh>
    <phoneticPr fontId="3"/>
  </si>
  <si>
    <t>資料：中央図書館</t>
    <rPh sb="0" eb="2">
      <t>シリョウ</t>
    </rPh>
    <rPh sb="3" eb="5">
      <t>チュウオウ</t>
    </rPh>
    <rPh sb="5" eb="8">
      <t>トショカン</t>
    </rPh>
    <phoneticPr fontId="3"/>
  </si>
  <si>
    <t>（各年度末現在調）</t>
    <rPh sb="1" eb="5">
      <t>カクネンドマツ</t>
    </rPh>
    <rPh sb="5" eb="7">
      <t>ゲンザイ</t>
    </rPh>
    <rPh sb="7" eb="8">
      <t>シラ</t>
    </rPh>
    <phoneticPr fontId="3"/>
  </si>
  <si>
    <t>単位：冊、千円</t>
    <rPh sb="0" eb="2">
      <t>タンイ</t>
    </rPh>
    <rPh sb="3" eb="4">
      <t>サツ</t>
    </rPh>
    <rPh sb="5" eb="7">
      <t>センエン</t>
    </rPh>
    <phoneticPr fontId="3"/>
  </si>
  <si>
    <t>種別</t>
    <rPh sb="0" eb="2">
      <t>シュベツ</t>
    </rPh>
    <phoneticPr fontId="3"/>
  </si>
  <si>
    <t>注１　（　）内は１回の定員。　</t>
    <rPh sb="0" eb="1">
      <t>チュウ</t>
    </rPh>
    <rPh sb="6" eb="7">
      <t>ナイ</t>
    </rPh>
    <rPh sb="9" eb="10">
      <t>カイ</t>
    </rPh>
    <rPh sb="11" eb="13">
      <t>テイイン</t>
    </rPh>
    <phoneticPr fontId="3"/>
  </si>
  <si>
    <t>単位：人</t>
    <rPh sb="0" eb="2">
      <t>タンイ</t>
    </rPh>
    <rPh sb="3" eb="4">
      <t>ヒト</t>
    </rPh>
    <phoneticPr fontId="3"/>
  </si>
  <si>
    <t>団　　　　体　　　　名</t>
    <rPh sb="0" eb="11">
      <t>ダンタイメイ</t>
    </rPh>
    <phoneticPr fontId="3"/>
  </si>
  <si>
    <t>会員又は参加者数</t>
    <rPh sb="0" eb="2">
      <t>カイイン</t>
    </rPh>
    <rPh sb="2" eb="3">
      <t>マタ</t>
    </rPh>
    <rPh sb="4" eb="8">
      <t>サンカシャスウ</t>
    </rPh>
    <phoneticPr fontId="3"/>
  </si>
  <si>
    <t>田辺</t>
  </si>
  <si>
    <t>田辺東</t>
  </si>
  <si>
    <t>草内</t>
  </si>
  <si>
    <t>大住</t>
  </si>
  <si>
    <t>三山木</t>
  </si>
  <si>
    <t>松井ケ丘</t>
  </si>
  <si>
    <t>薪</t>
  </si>
  <si>
    <t>普賢寺</t>
  </si>
  <si>
    <t>-</t>
  </si>
  <si>
    <t>区分</t>
  </si>
  <si>
    <t>教育相談</t>
  </si>
  <si>
    <t>年度</t>
  </si>
  <si>
    <t>実施回数</t>
  </si>
  <si>
    <t>件数</t>
  </si>
  <si>
    <t>参加延人数</t>
  </si>
  <si>
    <t>総　数</t>
  </si>
  <si>
    <t>成人書</t>
  </si>
  <si>
    <t>児童書</t>
  </si>
  <si>
    <t>施設名</t>
  </si>
  <si>
    <t>総数</t>
  </si>
  <si>
    <t>中央図書館</t>
  </si>
  <si>
    <t>北部分室</t>
  </si>
  <si>
    <t>中部分室</t>
  </si>
  <si>
    <t>書道教室</t>
  </si>
  <si>
    <t>ふれあいセミナー</t>
  </si>
  <si>
    <t>茶道教室</t>
  </si>
  <si>
    <t>着付教室</t>
  </si>
  <si>
    <t>手作りパン教室</t>
  </si>
  <si>
    <t>とんちの里ハムクラブ</t>
  </si>
  <si>
    <t>大住隼人舞保存会</t>
  </si>
  <si>
    <t>瑞饋神輿保存会</t>
  </si>
  <si>
    <t>京田辺市郷土史会</t>
  </si>
  <si>
    <t>開館日数</t>
  </si>
  <si>
    <t>使用人数</t>
  </si>
  <si>
    <t>（日）</t>
  </si>
  <si>
    <t>（人）</t>
  </si>
  <si>
    <t>小人</t>
  </si>
  <si>
    <t>日帰り</t>
  </si>
  <si>
    <t>宿　泊</t>
  </si>
  <si>
    <t>高等学校等
進学者</t>
    <rPh sb="0" eb="1">
      <t>タカ</t>
    </rPh>
    <rPh sb="1" eb="2">
      <t>トウ</t>
    </rPh>
    <rPh sb="2" eb="4">
      <t>ガッコウ</t>
    </rPh>
    <rPh sb="4" eb="5">
      <t>トウ</t>
    </rPh>
    <rPh sb="6" eb="9">
      <t>シンガクシャ</t>
    </rPh>
    <phoneticPr fontId="3"/>
  </si>
  <si>
    <t>高等学校等
進学率</t>
    <rPh sb="0" eb="2">
      <t>コウトウ</t>
    </rPh>
    <rPh sb="2" eb="3">
      <t>ガク</t>
    </rPh>
    <rPh sb="3" eb="4">
      <t>コウ</t>
    </rPh>
    <rPh sb="4" eb="5">
      <t>トウ</t>
    </rPh>
    <rPh sb="6" eb="9">
      <t>シンガクリツ</t>
    </rPh>
    <phoneticPr fontId="3"/>
  </si>
  <si>
    <t>左記以外・
死亡・不詳</t>
    <rPh sb="0" eb="4">
      <t>サキイガイ</t>
    </rPh>
    <rPh sb="6" eb="8">
      <t>シボウ</t>
    </rPh>
    <rPh sb="9" eb="11">
      <t>フショウ</t>
    </rPh>
    <phoneticPr fontId="3"/>
  </si>
  <si>
    <t>大　学
進学率</t>
    <rPh sb="0" eb="1">
      <t>ダイ</t>
    </rPh>
    <rPh sb="2" eb="3">
      <t>ガク</t>
    </rPh>
    <rPh sb="4" eb="7">
      <t>シンガクリツ</t>
    </rPh>
    <phoneticPr fontId="3"/>
  </si>
  <si>
    <t>単位：校、学級、人</t>
    <rPh sb="0" eb="2">
      <t>タンイ</t>
    </rPh>
    <rPh sb="3" eb="4">
      <t>コウ</t>
    </rPh>
    <rPh sb="5" eb="7">
      <t>ガッキュウ</t>
    </rPh>
    <rPh sb="8" eb="9">
      <t>ニン</t>
    </rPh>
    <phoneticPr fontId="3"/>
  </si>
  <si>
    <t>市　立</t>
    <rPh sb="0" eb="1">
      <t>シ</t>
    </rPh>
    <rPh sb="2" eb="3">
      <t>リツ</t>
    </rPh>
    <phoneticPr fontId="3"/>
  </si>
  <si>
    <t>私　立</t>
    <rPh sb="0" eb="1">
      <t>ワタシ</t>
    </rPh>
    <rPh sb="2" eb="3">
      <t>リツ</t>
    </rPh>
    <phoneticPr fontId="3"/>
  </si>
  <si>
    <t>合計</t>
    <rPh sb="0" eb="1">
      <t>ゴウ</t>
    </rPh>
    <rPh sb="1" eb="2">
      <t>ケイ</t>
    </rPh>
    <phoneticPr fontId="3"/>
  </si>
  <si>
    <t>単位：校、人</t>
    <rPh sb="0" eb="2">
      <t>タンイ</t>
    </rPh>
    <rPh sb="3" eb="4">
      <t>コウ</t>
    </rPh>
    <rPh sb="5" eb="6">
      <t>ニン</t>
    </rPh>
    <phoneticPr fontId="3"/>
  </si>
  <si>
    <t>単位：回、件、人</t>
    <rPh sb="0" eb="2">
      <t>タンイ</t>
    </rPh>
    <rPh sb="3" eb="4">
      <t>カイ</t>
    </rPh>
    <rPh sb="5" eb="6">
      <t>ケン</t>
    </rPh>
    <rPh sb="7" eb="8">
      <t>ニン</t>
    </rPh>
    <phoneticPr fontId="3"/>
  </si>
  <si>
    <t>年</t>
    <rPh sb="0" eb="1">
      <t>トシ</t>
    </rPh>
    <phoneticPr fontId="3"/>
  </si>
  <si>
    <t>注１　登録率は市内通勤者・通学者を含まない。</t>
    <rPh sb="0" eb="1">
      <t>チュウ</t>
    </rPh>
    <rPh sb="3" eb="5">
      <t>トウロク</t>
    </rPh>
    <rPh sb="5" eb="6">
      <t>リツ</t>
    </rPh>
    <rPh sb="7" eb="9">
      <t>シナイ</t>
    </rPh>
    <rPh sb="9" eb="11">
      <t>ツウキン</t>
    </rPh>
    <rPh sb="11" eb="12">
      <t>シャ</t>
    </rPh>
    <rPh sb="13" eb="16">
      <t>ツウガクシャ</t>
    </rPh>
    <rPh sb="17" eb="18">
      <t>フク</t>
    </rPh>
    <phoneticPr fontId="3"/>
  </si>
  <si>
    <t>年</t>
    <rPh sb="0" eb="1">
      <t>ネン</t>
    </rPh>
    <phoneticPr fontId="3"/>
  </si>
  <si>
    <t>職員数</t>
    <rPh sb="0" eb="3">
      <t>ショクインスウ</t>
    </rPh>
    <phoneticPr fontId="3"/>
  </si>
  <si>
    <t>３年生</t>
    <rPh sb="1" eb="3">
      <t>ネンセイ</t>
    </rPh>
    <phoneticPr fontId="3"/>
  </si>
  <si>
    <t>４年生</t>
    <rPh sb="1" eb="3">
      <t>ネンセイ</t>
    </rPh>
    <phoneticPr fontId="3"/>
  </si>
  <si>
    <t>大学院生</t>
    <rPh sb="0" eb="4">
      <t>ダイガクインセイ</t>
    </rPh>
    <phoneticPr fontId="3"/>
  </si>
  <si>
    <t>資料：同志社大学、同志社女子大学</t>
    <rPh sb="0" eb="2">
      <t>シリョウ</t>
    </rPh>
    <rPh sb="3" eb="6">
      <t>ドウシシャ</t>
    </rPh>
    <rPh sb="6" eb="8">
      <t>ダイガク</t>
    </rPh>
    <rPh sb="9" eb="12">
      <t>ドウシシャ</t>
    </rPh>
    <rPh sb="12" eb="14">
      <t>ジョシ</t>
    </rPh>
    <rPh sb="14" eb="16">
      <t>ダイガク</t>
    </rPh>
    <phoneticPr fontId="3"/>
  </si>
  <si>
    <t>専修学校
(高等課程)
進学者</t>
    <rPh sb="0" eb="2">
      <t>センシュウ</t>
    </rPh>
    <rPh sb="2" eb="4">
      <t>ガッコウ</t>
    </rPh>
    <rPh sb="6" eb="8">
      <t>コウトウ</t>
    </rPh>
    <rPh sb="8" eb="10">
      <t>カテイ</t>
    </rPh>
    <rPh sb="12" eb="15">
      <t>シンガクシャ</t>
    </rPh>
    <phoneticPr fontId="3"/>
  </si>
  <si>
    <t>専修学校
(一般課程)等
入学者</t>
    <rPh sb="0" eb="2">
      <t>センシュウ</t>
    </rPh>
    <rPh sb="2" eb="4">
      <t>ガッコウ</t>
    </rPh>
    <rPh sb="6" eb="8">
      <t>イッパン</t>
    </rPh>
    <rPh sb="8" eb="10">
      <t>カテイ</t>
    </rPh>
    <rPh sb="11" eb="12">
      <t>トウ</t>
    </rPh>
    <rPh sb="13" eb="15">
      <t>ニュウガク</t>
    </rPh>
    <rPh sb="15" eb="16">
      <t>シンガクシャ</t>
    </rPh>
    <phoneticPr fontId="3"/>
  </si>
  <si>
    <t>３歳児</t>
    <rPh sb="1" eb="2">
      <t>トシ</t>
    </rPh>
    <rPh sb="2" eb="3">
      <t>ジ</t>
    </rPh>
    <phoneticPr fontId="3"/>
  </si>
  <si>
    <t>体育館
面　 積</t>
    <rPh sb="0" eb="3">
      <t>タイイクカン</t>
    </rPh>
    <rPh sb="4" eb="5">
      <t>メン</t>
    </rPh>
    <rPh sb="7" eb="8">
      <t>セキ</t>
    </rPh>
    <phoneticPr fontId="3"/>
  </si>
  <si>
    <t>プール
面  積</t>
    <rPh sb="4" eb="5">
      <t>メン</t>
    </rPh>
    <rPh sb="7" eb="8">
      <t>セキ</t>
    </rPh>
    <phoneticPr fontId="3"/>
  </si>
  <si>
    <t>区  　分</t>
    <rPh sb="0" eb="1">
      <t>ク</t>
    </rPh>
    <rPh sb="4" eb="5">
      <t>ブン</t>
    </rPh>
    <phoneticPr fontId="3"/>
  </si>
  <si>
    <t>名称</t>
    <rPh sb="0" eb="2">
      <t>メイショウ</t>
    </rPh>
    <phoneticPr fontId="3"/>
  </si>
  <si>
    <t>特質</t>
    <rPh sb="0" eb="2">
      <t>トクシツ</t>
    </rPh>
    <phoneticPr fontId="3"/>
  </si>
  <si>
    <t>時代</t>
    <rPh sb="0" eb="2">
      <t>ジダイ</t>
    </rPh>
    <phoneticPr fontId="3"/>
  </si>
  <si>
    <t>単位：室、㎡</t>
  </si>
  <si>
    <t>教室数</t>
  </si>
  <si>
    <t>校舎面積</t>
  </si>
  <si>
    <t>体育館
面　 積</t>
  </si>
  <si>
    <t>プール
面  積</t>
  </si>
  <si>
    <t>敷地面積</t>
  </si>
  <si>
    <t>校名</t>
  </si>
  <si>
    <t>普通教室</t>
  </si>
  <si>
    <t>特別教室</t>
  </si>
  <si>
    <t>うち運動場</t>
  </si>
  <si>
    <t>市　立</t>
  </si>
  <si>
    <t>桃園</t>
  </si>
  <si>
    <t>資料：田辺公園プール</t>
  </si>
  <si>
    <t>田辺公園</t>
    <rPh sb="0" eb="2">
      <t>タナベ</t>
    </rPh>
    <rPh sb="2" eb="4">
      <t>コウエン</t>
    </rPh>
    <phoneticPr fontId="3"/>
  </si>
  <si>
    <t>そよかぜ</t>
    <phoneticPr fontId="3"/>
  </si>
  <si>
    <t>-</t>
    <phoneticPr fontId="3"/>
  </si>
  <si>
    <t>５年生</t>
    <rPh sb="1" eb="3">
      <t>ネンセイ</t>
    </rPh>
    <phoneticPr fontId="3"/>
  </si>
  <si>
    <t>６年生</t>
    <rPh sb="1" eb="3">
      <t>ネンセイ</t>
    </rPh>
    <phoneticPr fontId="3"/>
  </si>
  <si>
    <t>単位：冊</t>
  </si>
  <si>
    <t>視聴覚
資料</t>
  </si>
  <si>
    <t>蔵書
冊数</t>
  </si>
  <si>
    <t>資   料
購入費</t>
  </si>
  <si>
    <t>貸出
冊数</t>
  </si>
  <si>
    <t>施設別貸出冊数</t>
  </si>
  <si>
    <t>内容別貸出冊数</t>
  </si>
  <si>
    <t>本館</t>
  </si>
  <si>
    <t>北部
分室</t>
  </si>
  <si>
    <t>中部
分室</t>
  </si>
  <si>
    <t>移 　動
図書館</t>
  </si>
  <si>
    <t>視聴覚
資 　料</t>
  </si>
  <si>
    <t>登録者</t>
  </si>
  <si>
    <t>登録率</t>
  </si>
  <si>
    <t>合計</t>
  </si>
  <si>
    <t>市　　 民</t>
  </si>
  <si>
    <t>市内通勤者・通学者</t>
  </si>
  <si>
    <t>草内木津川
運動公園</t>
    <phoneticPr fontId="3"/>
  </si>
  <si>
    <t>防賀川公園</t>
    <phoneticPr fontId="3"/>
  </si>
  <si>
    <t>一町田多目的運動広場</t>
    <rPh sb="0" eb="3">
      <t>イッチョウダ</t>
    </rPh>
    <rPh sb="3" eb="6">
      <t>タモクテキ</t>
    </rPh>
    <rPh sb="6" eb="8">
      <t>ウンドウ</t>
    </rPh>
    <rPh sb="8" eb="10">
      <t>ヒロバ</t>
    </rPh>
    <phoneticPr fontId="3"/>
  </si>
  <si>
    <t>野球場</t>
    <phoneticPr fontId="3"/>
  </si>
  <si>
    <t>テニスコート</t>
    <phoneticPr fontId="3"/>
  </si>
  <si>
    <t>多目的
運動広場</t>
    <phoneticPr fontId="3"/>
  </si>
  <si>
    <t>種別</t>
    <phoneticPr fontId="3"/>
  </si>
  <si>
    <t>注１　就職率には、大学に進学しながら働いている者も含む。</t>
    <rPh sb="3" eb="6">
      <t>シュウショクリツ</t>
    </rPh>
    <rPh sb="9" eb="11">
      <t>ダイガク</t>
    </rPh>
    <rPh sb="12" eb="14">
      <t>シンガク</t>
    </rPh>
    <rPh sb="18" eb="19">
      <t>ハタラ</t>
    </rPh>
    <rPh sb="23" eb="24">
      <t>モノ</t>
    </rPh>
    <rPh sb="25" eb="26">
      <t>フク</t>
    </rPh>
    <phoneticPr fontId="3"/>
  </si>
  <si>
    <t>注１　市立小学校の状況数値は、公立学校施設台帳による。</t>
    <phoneticPr fontId="3"/>
  </si>
  <si>
    <t>専攻科</t>
    <rPh sb="0" eb="2">
      <t>センコウ</t>
    </rPh>
    <rPh sb="2" eb="3">
      <t>カ</t>
    </rPh>
    <phoneticPr fontId="3"/>
  </si>
  <si>
    <t>注1　各年とも上段が件数、下段は人数。</t>
    <rPh sb="0" eb="1">
      <t>チュウ</t>
    </rPh>
    <rPh sb="3" eb="5">
      <t>カクネン</t>
    </rPh>
    <rPh sb="7" eb="9">
      <t>ジョウダン</t>
    </rPh>
    <rPh sb="10" eb="12">
      <t>ケンスウ</t>
    </rPh>
    <rPh sb="13" eb="15">
      <t>ゲダン</t>
    </rPh>
    <rPh sb="16" eb="18">
      <t>ニンズウ</t>
    </rPh>
    <phoneticPr fontId="3"/>
  </si>
  <si>
    <t>…</t>
  </si>
  <si>
    <t>英語であそぼう</t>
    <rPh sb="0" eb="2">
      <t>エイゴ</t>
    </rPh>
    <phoneticPr fontId="3"/>
  </si>
  <si>
    <t>使用人数（人）</t>
  </si>
  <si>
    <t>団体使用（団体）</t>
  </si>
  <si>
    <t>個人使用（人）</t>
  </si>
  <si>
    <t>（つづき）</t>
    <phoneticPr fontId="3"/>
  </si>
  <si>
    <t>書道教室</t>
    <rPh sb="0" eb="2">
      <t>ショドウ</t>
    </rPh>
    <rPh sb="2" eb="4">
      <t>キョウシツ</t>
    </rPh>
    <phoneticPr fontId="3"/>
  </si>
  <si>
    <t>料理教室</t>
    <rPh sb="0" eb="2">
      <t>リョウリ</t>
    </rPh>
    <rPh sb="2" eb="4">
      <t>キョウシツ</t>
    </rPh>
    <phoneticPr fontId="3"/>
  </si>
  <si>
    <t>障害者教室</t>
    <rPh sb="0" eb="3">
      <t>ショウガイシャ</t>
    </rPh>
    <rPh sb="3" eb="5">
      <t>キョウシツ</t>
    </rPh>
    <phoneticPr fontId="3"/>
  </si>
  <si>
    <t>中央市民大学</t>
    <rPh sb="0" eb="2">
      <t>チュウオウ</t>
    </rPh>
    <rPh sb="2" eb="4">
      <t>シミン</t>
    </rPh>
    <rPh sb="4" eb="6">
      <t>ダイガク</t>
    </rPh>
    <phoneticPr fontId="3"/>
  </si>
  <si>
    <t>日本語教室</t>
    <rPh sb="0" eb="3">
      <t>ニホンゴ</t>
    </rPh>
    <rPh sb="3" eb="5">
      <t>キョウシツ</t>
    </rPh>
    <phoneticPr fontId="3"/>
  </si>
  <si>
    <t>韓国語教室</t>
    <rPh sb="0" eb="3">
      <t>カンコクゴ</t>
    </rPh>
    <rPh sb="3" eb="5">
      <t>キョウシツ</t>
    </rPh>
    <phoneticPr fontId="3"/>
  </si>
  <si>
    <t>水彩画教室</t>
    <rPh sb="0" eb="3">
      <t>スイサイガ</t>
    </rPh>
    <rPh sb="3" eb="5">
      <t>キョウシツ</t>
    </rPh>
    <phoneticPr fontId="3"/>
  </si>
  <si>
    <t>子ども体験教室（陶芸）</t>
    <rPh sb="0" eb="1">
      <t>コ</t>
    </rPh>
    <rPh sb="3" eb="5">
      <t>タイケン</t>
    </rPh>
    <rPh sb="5" eb="7">
      <t>キョウシツ</t>
    </rPh>
    <rPh sb="8" eb="10">
      <t>トウゲイ</t>
    </rPh>
    <phoneticPr fontId="3"/>
  </si>
  <si>
    <t>子ども体験教室（工作）</t>
    <rPh sb="0" eb="1">
      <t>コ</t>
    </rPh>
    <rPh sb="3" eb="5">
      <t>タイケン</t>
    </rPh>
    <rPh sb="5" eb="7">
      <t>キョウシツ</t>
    </rPh>
    <rPh sb="8" eb="10">
      <t>コウサク</t>
    </rPh>
    <phoneticPr fontId="3"/>
  </si>
  <si>
    <t>同好会カラオケ「和」</t>
    <rPh sb="0" eb="3">
      <t>ドウコウカイ</t>
    </rPh>
    <rPh sb="8" eb="9">
      <t>カズ</t>
    </rPh>
    <phoneticPr fontId="3"/>
  </si>
  <si>
    <t>京田辺三曲協会</t>
    <rPh sb="0" eb="1">
      <t>キョウ</t>
    </rPh>
    <rPh sb="1" eb="3">
      <t>タナベ</t>
    </rPh>
    <rPh sb="3" eb="4">
      <t>サン</t>
    </rPh>
    <rPh sb="4" eb="5">
      <t>キョク</t>
    </rPh>
    <rPh sb="5" eb="7">
      <t>キョウカイ</t>
    </rPh>
    <phoneticPr fontId="3"/>
  </si>
  <si>
    <t>社交ダンスサークル「竹の会」</t>
    <rPh sb="0" eb="2">
      <t>シャコウ</t>
    </rPh>
    <rPh sb="10" eb="11">
      <t>タケ</t>
    </rPh>
    <rPh sb="12" eb="13">
      <t>カイ</t>
    </rPh>
    <phoneticPr fontId="3"/>
  </si>
  <si>
    <t>エチュードの会</t>
    <rPh sb="6" eb="7">
      <t>カイ</t>
    </rPh>
    <phoneticPr fontId="3"/>
  </si>
  <si>
    <t>京田辺石友会</t>
    <rPh sb="0" eb="3">
      <t>キョウタナベ</t>
    </rPh>
    <rPh sb="3" eb="4">
      <t>イシ</t>
    </rPh>
    <rPh sb="4" eb="5">
      <t>トモ</t>
    </rPh>
    <rPh sb="5" eb="6">
      <t>カイ</t>
    </rPh>
    <phoneticPr fontId="3"/>
  </si>
  <si>
    <t>京田辺写友会</t>
    <rPh sb="0" eb="3">
      <t>キョウタナベ</t>
    </rPh>
    <rPh sb="3" eb="4">
      <t>シャ</t>
    </rPh>
    <rPh sb="4" eb="5">
      <t>ユウ</t>
    </rPh>
    <rPh sb="5" eb="6">
      <t>カイ</t>
    </rPh>
    <phoneticPr fontId="3"/>
  </si>
  <si>
    <t>資料：総務室（学校基本調査）</t>
  </si>
  <si>
    <t>資料：総務室（学校基本調査）</t>
    <rPh sb="0" eb="2">
      <t>シリョウ</t>
    </rPh>
    <phoneticPr fontId="3"/>
  </si>
  <si>
    <t>資料：総務室（学校基本調査）</t>
    <phoneticPr fontId="3"/>
  </si>
  <si>
    <t>田辺木津川運動公園</t>
    <phoneticPr fontId="3"/>
  </si>
  <si>
    <t>年度</t>
    <phoneticPr fontId="3"/>
  </si>
  <si>
    <t>注１　教育相談「実施回数」「件数」は、「京田辺市の教育」による。</t>
    <rPh sb="0" eb="1">
      <t>チュウ</t>
    </rPh>
    <rPh sb="3" eb="5">
      <t>キョウイク</t>
    </rPh>
    <rPh sb="5" eb="7">
      <t>ソウダン</t>
    </rPh>
    <rPh sb="8" eb="10">
      <t>ジッシ</t>
    </rPh>
    <rPh sb="10" eb="12">
      <t>カイスウ</t>
    </rPh>
    <rPh sb="14" eb="16">
      <t>ケンスウ</t>
    </rPh>
    <rPh sb="20" eb="24">
      <t>キョウタナベシ</t>
    </rPh>
    <rPh sb="25" eb="27">
      <t>キョウイク</t>
    </rPh>
    <phoneticPr fontId="3"/>
  </si>
  <si>
    <t>歌謡連盟</t>
    <rPh sb="0" eb="2">
      <t>カヨウ</t>
    </rPh>
    <rPh sb="2" eb="4">
      <t>レンメイ</t>
    </rPh>
    <phoneticPr fontId="3"/>
  </si>
  <si>
    <t>邦楽連盟</t>
    <rPh sb="0" eb="2">
      <t>ホウガク</t>
    </rPh>
    <rPh sb="2" eb="4">
      <t>レンメイ</t>
    </rPh>
    <phoneticPr fontId="3"/>
  </si>
  <si>
    <t>結の会</t>
    <rPh sb="0" eb="1">
      <t>ユ</t>
    </rPh>
    <rPh sb="2" eb="3">
      <t>カイ</t>
    </rPh>
    <phoneticPr fontId="3"/>
  </si>
  <si>
    <t>ダンス連盟</t>
    <rPh sb="3" eb="5">
      <t>レンメイ</t>
    </rPh>
    <phoneticPr fontId="3"/>
  </si>
  <si>
    <t>文化芸術連盟</t>
    <rPh sb="0" eb="2">
      <t>ブンカ</t>
    </rPh>
    <rPh sb="2" eb="4">
      <t>ゲイジュツ</t>
    </rPh>
    <rPh sb="4" eb="6">
      <t>レンメイ</t>
    </rPh>
    <phoneticPr fontId="3"/>
  </si>
  <si>
    <t>子ども将棋教室</t>
    <rPh sb="0" eb="1">
      <t>コ</t>
    </rPh>
    <rPh sb="3" eb="5">
      <t>ショウギ</t>
    </rPh>
    <rPh sb="5" eb="7">
      <t>キョウシツ</t>
    </rPh>
    <phoneticPr fontId="3"/>
  </si>
  <si>
    <t>お手軽スイーツ教室</t>
    <rPh sb="1" eb="3">
      <t>テガル</t>
    </rPh>
    <rPh sb="7" eb="9">
      <t>キョウシツ</t>
    </rPh>
    <phoneticPr fontId="3"/>
  </si>
  <si>
    <t>（件）</t>
    <rPh sb="1" eb="2">
      <t>ケン</t>
    </rPh>
    <phoneticPr fontId="3"/>
  </si>
  <si>
    <t>５．小学校学校数、学級数、教員数及び児童数</t>
    <rPh sb="2" eb="5">
      <t>ショウガッコウ</t>
    </rPh>
    <rPh sb="5" eb="8">
      <t>ガッコウスウ</t>
    </rPh>
    <rPh sb="9" eb="12">
      <t>ガッキュウスウ</t>
    </rPh>
    <rPh sb="13" eb="16">
      <t>キョウインスウ</t>
    </rPh>
    <rPh sb="16" eb="17">
      <t>オヨ</t>
    </rPh>
    <rPh sb="18" eb="21">
      <t>ジドウスウ</t>
    </rPh>
    <phoneticPr fontId="3"/>
  </si>
  <si>
    <t>６．小学校学級編成方式別児童数</t>
    <rPh sb="2" eb="5">
      <t>ショウガッコウ</t>
    </rPh>
    <rPh sb="5" eb="7">
      <t>ガッキュウ</t>
    </rPh>
    <rPh sb="7" eb="9">
      <t>ヘンセイ</t>
    </rPh>
    <rPh sb="9" eb="12">
      <t>ホウシキベツ</t>
    </rPh>
    <rPh sb="12" eb="14">
      <t>ジドウ</t>
    </rPh>
    <rPh sb="14" eb="15">
      <t>ジドウスウ</t>
    </rPh>
    <phoneticPr fontId="3"/>
  </si>
  <si>
    <t>７．小学校施設の状況</t>
    <rPh sb="2" eb="5">
      <t>ショウガッコウ</t>
    </rPh>
    <rPh sb="5" eb="7">
      <t>シセツ</t>
    </rPh>
    <rPh sb="8" eb="10">
      <t>ジョウキョウ</t>
    </rPh>
    <phoneticPr fontId="3"/>
  </si>
  <si>
    <t>８．小学校理由別長期欠席児童数</t>
    <rPh sb="2" eb="5">
      <t>ショウガッコウ</t>
    </rPh>
    <rPh sb="5" eb="7">
      <t>リユウ</t>
    </rPh>
    <rPh sb="7" eb="8">
      <t>ベツ</t>
    </rPh>
    <rPh sb="8" eb="10">
      <t>チョウキ</t>
    </rPh>
    <rPh sb="10" eb="12">
      <t>ケッセキ</t>
    </rPh>
    <rPh sb="12" eb="15">
      <t>ジドウスウ</t>
    </rPh>
    <phoneticPr fontId="3"/>
  </si>
  <si>
    <t>９．中学校学校数、学級数、教員数及び生徒数</t>
    <rPh sb="2" eb="3">
      <t>ナカ</t>
    </rPh>
    <rPh sb="3" eb="5">
      <t>ショウガッコウ</t>
    </rPh>
    <rPh sb="5" eb="8">
      <t>ガッコウスウ</t>
    </rPh>
    <rPh sb="9" eb="12">
      <t>ガッキュウスウ</t>
    </rPh>
    <rPh sb="13" eb="16">
      <t>キョウインスウ</t>
    </rPh>
    <rPh sb="16" eb="17">
      <t>オヨ</t>
    </rPh>
    <rPh sb="18" eb="20">
      <t>セイト</t>
    </rPh>
    <rPh sb="20" eb="21">
      <t>ジドウスウ</t>
    </rPh>
    <phoneticPr fontId="3"/>
  </si>
  <si>
    <t>１０．中学校学級編成方式別生徒数</t>
    <rPh sb="3" eb="6">
      <t>チュウガッコウ</t>
    </rPh>
    <rPh sb="6" eb="8">
      <t>ガッキュウ</t>
    </rPh>
    <rPh sb="8" eb="10">
      <t>ヘンセイ</t>
    </rPh>
    <rPh sb="10" eb="13">
      <t>ホウシキベツ</t>
    </rPh>
    <rPh sb="13" eb="15">
      <t>セイト</t>
    </rPh>
    <rPh sb="15" eb="16">
      <t>ジドウスウ</t>
    </rPh>
    <phoneticPr fontId="3"/>
  </si>
  <si>
    <t>１１．中学校施設の状況</t>
    <rPh sb="3" eb="6">
      <t>チュウガッコウ</t>
    </rPh>
    <rPh sb="6" eb="8">
      <t>シセツ</t>
    </rPh>
    <rPh sb="9" eb="11">
      <t>ジョウキョウ</t>
    </rPh>
    <phoneticPr fontId="3"/>
  </si>
  <si>
    <t>１２．中学校理由別長期欠席生徒数</t>
    <rPh sb="3" eb="4">
      <t>ナカ</t>
    </rPh>
    <rPh sb="4" eb="6">
      <t>ショウガッコウ</t>
    </rPh>
    <rPh sb="6" eb="8">
      <t>リユウ</t>
    </rPh>
    <rPh sb="8" eb="9">
      <t>ベツ</t>
    </rPh>
    <rPh sb="9" eb="11">
      <t>チョウキ</t>
    </rPh>
    <rPh sb="11" eb="13">
      <t>ケッセキ</t>
    </rPh>
    <rPh sb="13" eb="15">
      <t>セイト</t>
    </rPh>
    <rPh sb="15" eb="16">
      <t>ジドウスウ</t>
    </rPh>
    <phoneticPr fontId="3"/>
  </si>
  <si>
    <t>１３．中学校卒業者の進路状況</t>
    <rPh sb="3" eb="5">
      <t>チュウガク</t>
    </rPh>
    <rPh sb="5" eb="6">
      <t>コウ</t>
    </rPh>
    <rPh sb="6" eb="9">
      <t>ソツギョウシャ</t>
    </rPh>
    <rPh sb="10" eb="12">
      <t>シンロ</t>
    </rPh>
    <rPh sb="12" eb="14">
      <t>ジョウキョウ</t>
    </rPh>
    <phoneticPr fontId="3"/>
  </si>
  <si>
    <t>１４．高等学校学校数、教員数及び生徒数</t>
    <rPh sb="3" eb="5">
      <t>コウトウ</t>
    </rPh>
    <rPh sb="5" eb="7">
      <t>ショウガッコウ</t>
    </rPh>
    <rPh sb="7" eb="10">
      <t>ガッコウスウ</t>
    </rPh>
    <rPh sb="11" eb="14">
      <t>キョウインスウ</t>
    </rPh>
    <rPh sb="14" eb="15">
      <t>オヨ</t>
    </rPh>
    <rPh sb="16" eb="18">
      <t>セイト</t>
    </rPh>
    <rPh sb="18" eb="19">
      <t>ジドウスウ</t>
    </rPh>
    <phoneticPr fontId="3"/>
  </si>
  <si>
    <t>１５．高等学校卒業者の進路状況</t>
    <rPh sb="3" eb="5">
      <t>コウトウ</t>
    </rPh>
    <rPh sb="5" eb="7">
      <t>ガッコウ</t>
    </rPh>
    <rPh sb="7" eb="10">
      <t>ソツギョウシャ</t>
    </rPh>
    <rPh sb="11" eb="13">
      <t>シンロ</t>
    </rPh>
    <rPh sb="13" eb="15">
      <t>ジョウキョウ</t>
    </rPh>
    <phoneticPr fontId="3"/>
  </si>
  <si>
    <t>１６．大学学校数、教員数及び生徒数</t>
    <rPh sb="3" eb="5">
      <t>ダイガク</t>
    </rPh>
    <rPh sb="5" eb="7">
      <t>ガッコウ</t>
    </rPh>
    <rPh sb="7" eb="8">
      <t>カズ</t>
    </rPh>
    <rPh sb="9" eb="11">
      <t>キョウイン</t>
    </rPh>
    <rPh sb="11" eb="12">
      <t>カズ</t>
    </rPh>
    <rPh sb="12" eb="13">
      <t>オヨ</t>
    </rPh>
    <rPh sb="14" eb="17">
      <t>セイトスウ</t>
    </rPh>
    <phoneticPr fontId="3"/>
  </si>
  <si>
    <t>１７．教育相談事業の状況</t>
    <rPh sb="3" eb="5">
      <t>キョウイク</t>
    </rPh>
    <rPh sb="5" eb="7">
      <t>ソウダン</t>
    </rPh>
    <rPh sb="7" eb="9">
      <t>ジギョウ</t>
    </rPh>
    <rPh sb="10" eb="12">
      <t>ジョウキョウ</t>
    </rPh>
    <phoneticPr fontId="3"/>
  </si>
  <si>
    <t>１８．市内の指定文化財</t>
    <rPh sb="3" eb="5">
      <t>シナイ</t>
    </rPh>
    <rPh sb="6" eb="8">
      <t>シテイ</t>
    </rPh>
    <rPh sb="8" eb="11">
      <t>ブンカザイ</t>
    </rPh>
    <phoneticPr fontId="3"/>
  </si>
  <si>
    <t>１９．図書館の蔵書冊数</t>
    <rPh sb="3" eb="6">
      <t>トショカン</t>
    </rPh>
    <rPh sb="7" eb="9">
      <t>ゾウショ</t>
    </rPh>
    <rPh sb="9" eb="11">
      <t>サツスウ</t>
    </rPh>
    <phoneticPr fontId="3"/>
  </si>
  <si>
    <t>２０．図書館利用状況</t>
    <rPh sb="3" eb="6">
      <t>トショカン</t>
    </rPh>
    <rPh sb="6" eb="8">
      <t>リヨウ</t>
    </rPh>
    <rPh sb="8" eb="10">
      <t>ジョウキョウ</t>
    </rPh>
    <phoneticPr fontId="3"/>
  </si>
  <si>
    <t>２１．図書館貸出登録者状況</t>
    <rPh sb="3" eb="6">
      <t>トショカン</t>
    </rPh>
    <rPh sb="6" eb="8">
      <t>カシダシ</t>
    </rPh>
    <rPh sb="8" eb="10">
      <t>トウロク</t>
    </rPh>
    <rPh sb="10" eb="11">
      <t>シャ</t>
    </rPh>
    <rPh sb="11" eb="13">
      <t>ジョウキョウ</t>
    </rPh>
    <phoneticPr fontId="3"/>
  </si>
  <si>
    <t>２２．中央公民館講座等開設状況</t>
    <rPh sb="3" eb="5">
      <t>チュウオウ</t>
    </rPh>
    <rPh sb="5" eb="8">
      <t>コウミンカン</t>
    </rPh>
    <rPh sb="8" eb="10">
      <t>コウザ</t>
    </rPh>
    <rPh sb="10" eb="11">
      <t>ナド</t>
    </rPh>
    <rPh sb="11" eb="13">
      <t>カイセツ</t>
    </rPh>
    <rPh sb="13" eb="15">
      <t>ジョウキョウ</t>
    </rPh>
    <phoneticPr fontId="3"/>
  </si>
  <si>
    <t>２３．北部住民センター講座等開設状況</t>
    <rPh sb="3" eb="5">
      <t>ホクブ</t>
    </rPh>
    <rPh sb="5" eb="7">
      <t>ジュウミン</t>
    </rPh>
    <rPh sb="11" eb="13">
      <t>コウザ</t>
    </rPh>
    <rPh sb="13" eb="14">
      <t>ナド</t>
    </rPh>
    <rPh sb="14" eb="16">
      <t>カイセツ</t>
    </rPh>
    <rPh sb="16" eb="18">
      <t>ジョウキョウ</t>
    </rPh>
    <phoneticPr fontId="3"/>
  </si>
  <si>
    <t>２４．中部住民センター講座等開設状況</t>
    <rPh sb="3" eb="5">
      <t>チュウブ</t>
    </rPh>
    <rPh sb="5" eb="7">
      <t>ジュウミン</t>
    </rPh>
    <rPh sb="11" eb="13">
      <t>コウザ</t>
    </rPh>
    <rPh sb="13" eb="14">
      <t>トウ</t>
    </rPh>
    <rPh sb="14" eb="16">
      <t>カイセツ</t>
    </rPh>
    <rPh sb="16" eb="18">
      <t>ジョウキョウ</t>
    </rPh>
    <phoneticPr fontId="3"/>
  </si>
  <si>
    <t>３．幼保連携型認定こども園数、教員数及び園児数</t>
    <rPh sb="2" eb="4">
      <t>ヨウホ</t>
    </rPh>
    <rPh sb="4" eb="6">
      <t>レンケイ</t>
    </rPh>
    <rPh sb="6" eb="7">
      <t>ガタ</t>
    </rPh>
    <rPh sb="7" eb="9">
      <t>ニンテイ</t>
    </rPh>
    <rPh sb="12" eb="13">
      <t>エン</t>
    </rPh>
    <rPh sb="13" eb="14">
      <t>スウ</t>
    </rPh>
    <rPh sb="15" eb="18">
      <t>キョウインスウ</t>
    </rPh>
    <rPh sb="18" eb="19">
      <t>オヨ</t>
    </rPh>
    <rPh sb="20" eb="22">
      <t>エンジ</t>
    </rPh>
    <rPh sb="22" eb="23">
      <t>ジドウスウ</t>
    </rPh>
    <phoneticPr fontId="3"/>
  </si>
  <si>
    <t>４．幼保連携型認定こども園施設の状況</t>
    <rPh sb="2" eb="4">
      <t>ヨウホ</t>
    </rPh>
    <rPh sb="4" eb="6">
      <t>レンケイ</t>
    </rPh>
    <rPh sb="6" eb="7">
      <t>ガタ</t>
    </rPh>
    <rPh sb="7" eb="9">
      <t>ニンテイ</t>
    </rPh>
    <rPh sb="12" eb="13">
      <t>エン</t>
    </rPh>
    <rPh sb="13" eb="15">
      <t>シセツ</t>
    </rPh>
    <rPh sb="16" eb="18">
      <t>ジョウキョウ</t>
    </rPh>
    <phoneticPr fontId="3"/>
  </si>
  <si>
    <t>こもれび</t>
    <phoneticPr fontId="3"/>
  </si>
  <si>
    <t>保育室数等</t>
    <rPh sb="0" eb="3">
      <t>ホイクシツ</t>
    </rPh>
    <rPh sb="3" eb="4">
      <t>スウ</t>
    </rPh>
    <rPh sb="4" eb="5">
      <t>トウ</t>
    </rPh>
    <phoneticPr fontId="3"/>
  </si>
  <si>
    <t>０歳児</t>
    <rPh sb="1" eb="2">
      <t>トシ</t>
    </rPh>
    <rPh sb="2" eb="3">
      <t>ジ</t>
    </rPh>
    <phoneticPr fontId="3"/>
  </si>
  <si>
    <t>１歳児</t>
    <rPh sb="1" eb="2">
      <t>トシ</t>
    </rPh>
    <rPh sb="2" eb="3">
      <t>ジ</t>
    </rPh>
    <phoneticPr fontId="3"/>
  </si>
  <si>
    <t>２歳児</t>
    <phoneticPr fontId="3"/>
  </si>
  <si>
    <t>公共職業能力開発施設等入学者</t>
    <rPh sb="0" eb="2">
      <t>コウキョウ</t>
    </rPh>
    <rPh sb="2" eb="4">
      <t>ショクギョウ</t>
    </rPh>
    <rPh sb="4" eb="6">
      <t>ノウリョク</t>
    </rPh>
    <rPh sb="6" eb="8">
      <t>カイハツ</t>
    </rPh>
    <rPh sb="8" eb="10">
      <t>シセツ</t>
    </rPh>
    <rPh sb="10" eb="11">
      <t>トウ</t>
    </rPh>
    <rPh sb="11" eb="14">
      <t>ニュウガクシャ</t>
    </rPh>
    <phoneticPr fontId="3"/>
  </si>
  <si>
    <t>大学等進学者</t>
    <rPh sb="0" eb="2">
      <t>ダイガク</t>
    </rPh>
    <rPh sb="2" eb="3">
      <t>トウ</t>
    </rPh>
    <rPh sb="3" eb="6">
      <t>シンガクシャ</t>
    </rPh>
    <phoneticPr fontId="3"/>
  </si>
  <si>
    <t>専修学校(専門課程)進学者</t>
    <rPh sb="0" eb="2">
      <t>センシュウ</t>
    </rPh>
    <rPh sb="2" eb="4">
      <t>ガッコウ</t>
    </rPh>
    <rPh sb="5" eb="7">
      <t>センモン</t>
    </rPh>
    <rPh sb="7" eb="9">
      <t>カテイ</t>
    </rPh>
    <rPh sb="10" eb="13">
      <t>シンガクシャ</t>
    </rPh>
    <phoneticPr fontId="3"/>
  </si>
  <si>
    <t>専修学校(一般課程)等入学者</t>
    <rPh sb="0" eb="2">
      <t>センシュウ</t>
    </rPh>
    <rPh sb="2" eb="4">
      <t>ガッコウ</t>
    </rPh>
    <rPh sb="5" eb="7">
      <t>イッパン</t>
    </rPh>
    <rPh sb="7" eb="9">
      <t>カテイ</t>
    </rPh>
    <rPh sb="10" eb="11">
      <t>トウ</t>
    </rPh>
    <rPh sb="11" eb="13">
      <t>ニュウガク</t>
    </rPh>
    <rPh sb="13" eb="14">
      <t>シンガクシャ</t>
    </rPh>
    <phoneticPr fontId="3"/>
  </si>
  <si>
    <t>一時的な仕事に就いた者</t>
    <rPh sb="0" eb="3">
      <t>イチジテキ</t>
    </rPh>
    <rPh sb="4" eb="6">
      <t>シゴト</t>
    </rPh>
    <rPh sb="7" eb="8">
      <t>ツ</t>
    </rPh>
    <rPh sb="10" eb="11">
      <t>モノ</t>
    </rPh>
    <phoneticPr fontId="3"/>
  </si>
  <si>
    <t>[国         宝]</t>
  </si>
  <si>
    <t>奈　良</t>
  </si>
  <si>
    <t>[重　　　　 文]</t>
  </si>
  <si>
    <t>酬恩庵本堂</t>
  </si>
  <si>
    <t>建　物</t>
  </si>
  <si>
    <t>室　町</t>
  </si>
  <si>
    <t>M.44. 4.17</t>
  </si>
  <si>
    <t>一休和尚坐像</t>
  </si>
  <si>
    <t>彫　刻</t>
  </si>
  <si>
    <t>M.40. 5.27</t>
  </si>
  <si>
    <t>S.52. 6.11</t>
  </si>
  <si>
    <t>酬恩庵方丈及び玄関・庫裏・東司・浴室・鐘楼</t>
  </si>
  <si>
    <t>江戸初期</t>
  </si>
  <si>
    <t>S.46. 6.22</t>
  </si>
  <si>
    <t>法泉寺十三重塔</t>
  </si>
  <si>
    <t>鎌　倉</t>
  </si>
  <si>
    <t>草　内</t>
  </si>
  <si>
    <t>寿宝寺千手観音立像</t>
  </si>
  <si>
    <t>平　安</t>
  </si>
  <si>
    <t>山　本</t>
  </si>
  <si>
    <t>佐牙神社本殿</t>
  </si>
  <si>
    <t>桃　山</t>
  </si>
  <si>
    <t>江　津</t>
  </si>
  <si>
    <t>T.12. 3.28</t>
  </si>
  <si>
    <t>白山神社本殿</t>
  </si>
  <si>
    <t>宮ノ口</t>
  </si>
  <si>
    <t>澤井家住宅</t>
  </si>
  <si>
    <t>江　戸</t>
  </si>
  <si>
    <t>岡　村</t>
  </si>
  <si>
    <t>S.50. 6.23</t>
  </si>
  <si>
    <t>[重要美術品]</t>
  </si>
  <si>
    <t>S.13.10.10</t>
  </si>
  <si>
    <t>天　王</t>
  </si>
  <si>
    <t>[名         勝]</t>
  </si>
  <si>
    <t>庭　園</t>
  </si>
  <si>
    <t>室町・江戸</t>
  </si>
  <si>
    <t>[史         跡]</t>
  </si>
  <si>
    <t>古墳中期</t>
  </si>
  <si>
    <t>[府   指   定]</t>
  </si>
  <si>
    <t>S.61. 4.15</t>
  </si>
  <si>
    <t>酬恩庵虎丘庵・総門・中門</t>
  </si>
  <si>
    <t>江戸前期</t>
  </si>
  <si>
    <t>S.63. 4.15</t>
  </si>
  <si>
    <t>法雲寺十一面観音立像</t>
  </si>
  <si>
    <t>H.元．4.14</t>
  </si>
  <si>
    <t>考古資料</t>
  </si>
  <si>
    <t>古墳後期</t>
  </si>
  <si>
    <t>田　辺</t>
  </si>
  <si>
    <t>一休宗純関係資料</t>
  </si>
  <si>
    <t>古文書</t>
  </si>
  <si>
    <t>H.13. 3.23</t>
  </si>
  <si>
    <t>田辺天神山遺跡</t>
  </si>
  <si>
    <t>集落跡</t>
  </si>
  <si>
    <t>H.18. 3.17</t>
  </si>
  <si>
    <t>下司古墳群・大御堂裏山古墳</t>
  </si>
  <si>
    <t>史　跡</t>
  </si>
  <si>
    <t>宇治茶手もみ製茶技術</t>
  </si>
  <si>
    <t>無形民俗</t>
  </si>
  <si>
    <t>H.20. 3.21</t>
  </si>
  <si>
    <t>絵　画</t>
  </si>
  <si>
    <t>絹本著色一休宗純像</t>
  </si>
  <si>
    <t>絹本著色一休宗純像（朱太刀像）</t>
  </si>
  <si>
    <t>[府   登   録]</t>
  </si>
  <si>
    <t>江戸中期</t>
  </si>
  <si>
    <t>松　井</t>
  </si>
  <si>
    <t>S.58. 4.15</t>
  </si>
  <si>
    <t>棚倉孫神社本殿</t>
  </si>
  <si>
    <t>咋岡神社本殿</t>
  </si>
  <si>
    <t>朱智神社本殿</t>
  </si>
  <si>
    <t>須賀神社本殿</t>
  </si>
  <si>
    <t>打　田</t>
  </si>
  <si>
    <t>S.59. 4.14</t>
  </si>
  <si>
    <t>酬恩庵大応国師坐像</t>
  </si>
  <si>
    <t>S.60. 5.15</t>
  </si>
  <si>
    <t>大徳寺文書</t>
  </si>
  <si>
    <t>東</t>
  </si>
  <si>
    <t>S.62. 4.15</t>
  </si>
  <si>
    <t>絹本著色釈迦十六善神像</t>
  </si>
  <si>
    <t>絹本著色仏涅槃図</t>
  </si>
  <si>
    <t>絹本著色松源崇獄像
応仁三年一休宗純の賛がある</t>
  </si>
  <si>
    <t>絹本著色宗峰妙超像一休宗純の賛がある</t>
  </si>
  <si>
    <t>絹本著色宗峰妙超像
寬正二年一休宗純の賛がある</t>
  </si>
  <si>
    <t>絹本著色徹翁義亨像一休宗純の賛がある</t>
  </si>
  <si>
    <t>絹本著色言外宗忠像一休宗純の賛がある</t>
  </si>
  <si>
    <t>絹本著色華叟宗曇像自賛がある</t>
  </si>
  <si>
    <t>絹本著色没倫紹等像</t>
  </si>
  <si>
    <t>酬恩庵（一休寺）境内</t>
  </si>
  <si>
    <t>朱智神社境内</t>
  </si>
  <si>
    <t>銅椀（畑山3号墳出土）</t>
  </si>
  <si>
    <t>古　墳</t>
  </si>
  <si>
    <t>鍛冶具（郷士塚4号墳出土）</t>
  </si>
  <si>
    <t>[府   決   定]</t>
  </si>
  <si>
    <t>棚倉孫神社文化財環境保全地区</t>
  </si>
  <si>
    <t>咋岡神社文化財環境保全地区</t>
  </si>
  <si>
    <t>朱智神社文化財環境保全地区</t>
  </si>
  <si>
    <t>須賀神社文化財環境保全地区</t>
  </si>
  <si>
    <t>酬恩庵文化財環境保全地区</t>
  </si>
  <si>
    <t>[市   指   定]</t>
  </si>
  <si>
    <t>大　住</t>
  </si>
  <si>
    <t>縄　文</t>
  </si>
  <si>
    <t>山　崎</t>
  </si>
  <si>
    <t>薬師山古墳</t>
  </si>
  <si>
    <t>飯　岡</t>
  </si>
  <si>
    <t>ゴロゴロ山古墳</t>
  </si>
  <si>
    <t>シオ１号墳（平塚）</t>
  </si>
  <si>
    <t>朔日講の神楽</t>
  </si>
  <si>
    <t>H. 6.10. 1</t>
  </si>
  <si>
    <t>山本の百味と湯立</t>
  </si>
  <si>
    <t>極楽寺阿弥陀如来坐像</t>
  </si>
  <si>
    <t>鎌  倉</t>
  </si>
  <si>
    <t>天  王</t>
  </si>
  <si>
    <t>大徳寺大日如来坐像</t>
  </si>
  <si>
    <t>H.12. 4. 1</t>
  </si>
  <si>
    <t>教念寺阿弥陀如来坐像</t>
  </si>
  <si>
    <t>寿命寺阿弥陀如来及び両脇侍像</t>
  </si>
  <si>
    <t>興　戸</t>
  </si>
  <si>
    <t>H.21. 6. 1</t>
  </si>
  <si>
    <t>光照寺阿弥陀如来立像</t>
  </si>
  <si>
    <t>南山西</t>
  </si>
  <si>
    <t>H.22. 5. 1</t>
  </si>
  <si>
    <t>法泉寺十一面観音立像</t>
  </si>
  <si>
    <t>両讃寺薬師如来立像</t>
  </si>
  <si>
    <t>H.23. 5. 1</t>
  </si>
  <si>
    <t>寿宝寺降三世明王・金剛夜叉明王立像</t>
  </si>
  <si>
    <t>不動明王立像</t>
  </si>
  <si>
    <t>多々羅</t>
  </si>
  <si>
    <t>H.24. 5. 1</t>
  </si>
  <si>
    <t>西念寺阿弥陀如来立像</t>
  </si>
  <si>
    <t>来迎寺聖観音坐像</t>
  </si>
  <si>
    <t>H.26. 4. 1</t>
  </si>
  <si>
    <t>甘南備寺薬師如来及び両脇侍像</t>
  </si>
  <si>
    <t>ヨガ教室</t>
  </si>
  <si>
    <t>ケーキづくり教室</t>
  </si>
  <si>
    <t>夏休み子どもクラフト教室</t>
  </si>
  <si>
    <t>花と緑の教室</t>
  </si>
  <si>
    <t>アロマセラピー教室</t>
  </si>
  <si>
    <t>植木草花盆栽講習会</t>
  </si>
  <si>
    <t>ガラスアクセサリー教室</t>
  </si>
  <si>
    <t>親子クリスマスケーキ講習会</t>
  </si>
  <si>
    <t>夏休み親子スイーツ教室</t>
  </si>
  <si>
    <t>ランチ＆スイーツ講習会</t>
  </si>
  <si>
    <t>正会員</t>
  </si>
  <si>
    <t>ソフトボール部</t>
  </si>
  <si>
    <t>バレーボール連盟</t>
  </si>
  <si>
    <t>ソフトバレーボール連盟</t>
  </si>
  <si>
    <t>山友会</t>
  </si>
  <si>
    <t>バドミントン協会</t>
  </si>
  <si>
    <t>卓球連盟</t>
  </si>
  <si>
    <t>ソフトテニスクラブ</t>
  </si>
  <si>
    <t>テニス協会</t>
  </si>
  <si>
    <t>剣道部</t>
  </si>
  <si>
    <t>空手道連盟</t>
  </si>
  <si>
    <t>バスケットボール協会</t>
  </si>
  <si>
    <t>走ろう会</t>
  </si>
  <si>
    <t>スポーツ少年団</t>
  </si>
  <si>
    <t>ボウリング連盟</t>
  </si>
  <si>
    <t>グラウンド・ゴルフ協会</t>
  </si>
  <si>
    <t>フットサルクラブ</t>
  </si>
  <si>
    <t>ゴルフ協会</t>
  </si>
  <si>
    <t>歩こう会</t>
  </si>
  <si>
    <t>カローリングクラブ</t>
  </si>
  <si>
    <t>ユニバーサルスポーツクラブ</t>
  </si>
  <si>
    <t>京田辺市ゲートボール連合</t>
  </si>
  <si>
    <t>タナベースボール協会</t>
  </si>
  <si>
    <t>ＫＤＳＣ</t>
  </si>
  <si>
    <t>京田辺市文化協会</t>
  </si>
  <si>
    <t>京田辺音楽連盟</t>
  </si>
  <si>
    <t>大住・森のコーラス</t>
  </si>
  <si>
    <t>コール・ハレルヤ</t>
  </si>
  <si>
    <t>大住シンフォニックバンド</t>
  </si>
  <si>
    <t>コーラスグループ野の花</t>
  </si>
  <si>
    <t>田辺混声合唱団</t>
  </si>
  <si>
    <t>京田辺市民管弦楽団</t>
  </si>
  <si>
    <t>男声合唱団 K . M . C</t>
  </si>
  <si>
    <t>京田辺市詩吟詩舞連盟</t>
  </si>
  <si>
    <t>田辺詩吟詩舞クラブ</t>
  </si>
  <si>
    <t>ふきのとう詩吟クラブ</t>
  </si>
  <si>
    <t>舞踊連盟</t>
  </si>
  <si>
    <t>上方会</t>
  </si>
  <si>
    <t>京田辺市民オペラ</t>
    <rPh sb="0" eb="3">
      <t>キョウタナベ</t>
    </rPh>
    <rPh sb="3" eb="5">
      <t>シミン</t>
    </rPh>
    <phoneticPr fontId="2"/>
  </si>
  <si>
    <t>戸山流居合道本部</t>
    <phoneticPr fontId="3"/>
  </si>
  <si>
    <t>注１　教員数は本務者のみ。</t>
  </si>
  <si>
    <t>資料：学校教育課、同志社国際中学校</t>
    <rPh sb="0" eb="2">
      <t>シリョウ</t>
    </rPh>
    <rPh sb="3" eb="5">
      <t>ガッコウ</t>
    </rPh>
    <rPh sb="5" eb="8">
      <t>キョウイクカ</t>
    </rPh>
    <rPh sb="9" eb="12">
      <t>ドウシシャ</t>
    </rPh>
    <rPh sb="12" eb="14">
      <t>コクサイ</t>
    </rPh>
    <rPh sb="14" eb="17">
      <t>チュウガッコウ</t>
    </rPh>
    <phoneticPr fontId="3"/>
  </si>
  <si>
    <t>資料：文化・スポーツ振興課</t>
    <rPh sb="0" eb="2">
      <t>シリョウ</t>
    </rPh>
    <rPh sb="3" eb="5">
      <t>ブンカ</t>
    </rPh>
    <rPh sb="10" eb="13">
      <t>シンコウカ</t>
    </rPh>
    <phoneticPr fontId="3"/>
  </si>
  <si>
    <t>資料：文化・スポーツ振興課</t>
    <rPh sb="0" eb="2">
      <t>シリョウ</t>
    </rPh>
    <rPh sb="3" eb="5">
      <t>ブンカ</t>
    </rPh>
    <rPh sb="10" eb="12">
      <t>シンコウ</t>
    </rPh>
    <rPh sb="12" eb="13">
      <t>カ</t>
    </rPh>
    <phoneticPr fontId="3"/>
  </si>
  <si>
    <t>資料：学校教育課</t>
    <rPh sb="5" eb="7">
      <t>キョウイク</t>
    </rPh>
    <phoneticPr fontId="3"/>
  </si>
  <si>
    <t>後花園天皇宸翰女房奉書</t>
    <phoneticPr fontId="3"/>
  </si>
  <si>
    <t>家形石棺（堀切６号横穴出土）</t>
    <phoneticPr fontId="3"/>
  </si>
  <si>
    <t>金環（山崎２号墳出土）</t>
    <phoneticPr fontId="3"/>
  </si>
  <si>
    <t>武人埴輪（堀切７号墳出土）</t>
    <phoneticPr fontId="3"/>
  </si>
  <si>
    <t>古文書</t>
    <rPh sb="0" eb="3">
      <t>コモンジョ</t>
    </rPh>
    <phoneticPr fontId="3"/>
  </si>
  <si>
    <t>石造物</t>
    <rPh sb="2" eb="3">
      <t>モノ</t>
    </rPh>
    <phoneticPr fontId="3"/>
  </si>
  <si>
    <t>絵　画</t>
    <rPh sb="0" eb="1">
      <t>エ</t>
    </rPh>
    <rPh sb="2" eb="3">
      <t>ガ</t>
    </rPh>
    <phoneticPr fontId="3"/>
  </si>
  <si>
    <t>彫　刻</t>
    <rPh sb="0" eb="1">
      <t>ホリ</t>
    </rPh>
    <rPh sb="2" eb="3">
      <t>コク</t>
    </rPh>
    <phoneticPr fontId="3"/>
  </si>
  <si>
    <t>石造物</t>
    <rPh sb="0" eb="2">
      <t>セキゾウ</t>
    </rPh>
    <rPh sb="2" eb="3">
      <t>ブツ</t>
    </rPh>
    <phoneticPr fontId="3"/>
  </si>
  <si>
    <t>中国文化と中国語教室</t>
    <phoneticPr fontId="3"/>
  </si>
  <si>
    <t>大人</t>
    <phoneticPr fontId="3"/>
  </si>
  <si>
    <t>天　王</t>
    <phoneticPr fontId="3"/>
  </si>
  <si>
    <t>草　内</t>
    <phoneticPr fontId="3"/>
  </si>
  <si>
    <t>西　八</t>
    <phoneticPr fontId="3"/>
  </si>
  <si>
    <t>山　本</t>
    <phoneticPr fontId="3"/>
  </si>
  <si>
    <t>田　辺</t>
    <phoneticPr fontId="3"/>
  </si>
  <si>
    <t>松　井</t>
    <phoneticPr fontId="3"/>
  </si>
  <si>
    <t>令和</t>
    <rPh sb="0" eb="2">
      <t>レイワ</t>
    </rPh>
    <phoneticPr fontId="3"/>
  </si>
  <si>
    <t>みんなのき
三山木こども園</t>
    <rPh sb="6" eb="9">
      <t>ミヤマキ</t>
    </rPh>
    <rPh sb="12" eb="13">
      <t>エン</t>
    </rPh>
    <phoneticPr fontId="3"/>
  </si>
  <si>
    <t>三山木</t>
    <rPh sb="0" eb="3">
      <t>ミヤマキ</t>
    </rPh>
    <phoneticPr fontId="3"/>
  </si>
  <si>
    <t>平　安</t>
    <rPh sb="0" eb="1">
      <t>ヒラ</t>
    </rPh>
    <rPh sb="2" eb="3">
      <t>ヤス</t>
    </rPh>
    <phoneticPr fontId="3"/>
  </si>
  <si>
    <t>特別支援学級</t>
    <rPh sb="0" eb="2">
      <t>トクベツ</t>
    </rPh>
    <rPh sb="2" eb="4">
      <t>シエン</t>
    </rPh>
    <rPh sb="4" eb="6">
      <t>ガッキュウ</t>
    </rPh>
    <phoneticPr fontId="3"/>
  </si>
  <si>
    <t>注１　「特別支援学級」とは、学校教育法第８１条第２項各号に定める学級をいい、単式学級、複式学級には含まれていない。</t>
    <rPh sb="0" eb="1">
      <t>チュウ</t>
    </rPh>
    <rPh sb="4" eb="6">
      <t>トクベツ</t>
    </rPh>
    <rPh sb="6" eb="8">
      <t>シエン</t>
    </rPh>
    <rPh sb="8" eb="10">
      <t>ガッキュウ</t>
    </rPh>
    <rPh sb="14" eb="16">
      <t>ガッコウ</t>
    </rPh>
    <rPh sb="16" eb="19">
      <t>キョウイクホウ</t>
    </rPh>
    <rPh sb="19" eb="20">
      <t>ダイ</t>
    </rPh>
    <rPh sb="22" eb="23">
      <t>ジョウ</t>
    </rPh>
    <rPh sb="23" eb="24">
      <t>ダイ</t>
    </rPh>
    <rPh sb="25" eb="26">
      <t>コウ</t>
    </rPh>
    <rPh sb="26" eb="28">
      <t>カクゴウ</t>
    </rPh>
    <rPh sb="29" eb="30">
      <t>サダ</t>
    </rPh>
    <rPh sb="32" eb="34">
      <t>ガッキュウ</t>
    </rPh>
    <rPh sb="38" eb="40">
      <t>タンシキ</t>
    </rPh>
    <rPh sb="40" eb="42">
      <t>ガッキュウ</t>
    </rPh>
    <rPh sb="43" eb="45">
      <t>フクシキ</t>
    </rPh>
    <rPh sb="45" eb="47">
      <t>ガッキュウ</t>
    </rPh>
    <rPh sb="49" eb="50">
      <t>フク</t>
    </rPh>
    <phoneticPr fontId="3"/>
  </si>
  <si>
    <t>ハンドボール協会</t>
    <phoneticPr fontId="3"/>
  </si>
  <si>
    <t>令和</t>
  </si>
  <si>
    <t>フラワーと手作り雑貨教室</t>
    <rPh sb="5" eb="7">
      <t>テヅク</t>
    </rPh>
    <rPh sb="8" eb="10">
      <t>ザッカ</t>
    </rPh>
    <phoneticPr fontId="3"/>
  </si>
  <si>
    <t>とんぼ玉教室</t>
    <rPh sb="3" eb="4">
      <t>ダマ</t>
    </rPh>
    <phoneticPr fontId="3"/>
  </si>
  <si>
    <t>はじめてのお料理教室</t>
    <rPh sb="6" eb="8">
      <t>リョウリ</t>
    </rPh>
    <rPh sb="8" eb="9">
      <t>キョウ</t>
    </rPh>
    <rPh sb="9" eb="10">
      <t>シツ</t>
    </rPh>
    <phoneticPr fontId="3"/>
  </si>
  <si>
    <t>おうちごはん教室</t>
    <rPh sb="6" eb="8">
      <t>キョウシツ</t>
    </rPh>
    <phoneticPr fontId="3"/>
  </si>
  <si>
    <t>注1　　（　）内は1回の定員。</t>
    <rPh sb="0" eb="1">
      <t>チュウ</t>
    </rPh>
    <rPh sb="7" eb="8">
      <t>ナイ</t>
    </rPh>
    <rPh sb="10" eb="11">
      <t>カイ</t>
    </rPh>
    <rPh sb="12" eb="14">
      <t>テイイン</t>
    </rPh>
    <phoneticPr fontId="3"/>
  </si>
  <si>
    <t>資料：中部住民センター</t>
    <rPh sb="0" eb="2">
      <t>シリョウ</t>
    </rPh>
    <rPh sb="3" eb="7">
      <t>チュウブジュウミン</t>
    </rPh>
    <phoneticPr fontId="3"/>
  </si>
  <si>
    <t>シーティング編み教室</t>
  </si>
  <si>
    <t>京田辺ふるさと講座</t>
  </si>
  <si>
    <t>花と緑の体験教室</t>
  </si>
  <si>
    <t>連鶴教室</t>
  </si>
  <si>
    <t>板前さんの料理教室</t>
  </si>
  <si>
    <t>注１　（　）内は１回の定員</t>
  </si>
  <si>
    <t>資料：中央公民館</t>
    <rPh sb="0" eb="2">
      <t>シリョウ</t>
    </rPh>
    <rPh sb="3" eb="5">
      <t>チュウオウ</t>
    </rPh>
    <rPh sb="5" eb="8">
      <t>コウミンカン</t>
    </rPh>
    <phoneticPr fontId="3"/>
  </si>
  <si>
    <t>菊づくり教室</t>
  </si>
  <si>
    <t>スクラップブッキング教室</t>
  </si>
  <si>
    <t>フラワーアレンジメント教室</t>
  </si>
  <si>
    <t>-</t>
    <phoneticPr fontId="3"/>
  </si>
  <si>
    <t>資料：こども・学校サポート室</t>
    <rPh sb="0" eb="2">
      <t>シリョウ</t>
    </rPh>
    <rPh sb="7" eb="9">
      <t>ガッコウ</t>
    </rPh>
    <rPh sb="13" eb="14">
      <t>シツ</t>
    </rPh>
    <phoneticPr fontId="3"/>
  </si>
  <si>
    <t>資料：北部住民センター</t>
    <rPh sb="0" eb="2">
      <t>シリョウ</t>
    </rPh>
    <rPh sb="3" eb="5">
      <t>ホクブ</t>
    </rPh>
    <rPh sb="5" eb="7">
      <t>ジュウミン</t>
    </rPh>
    <phoneticPr fontId="3"/>
  </si>
  <si>
    <t>市　立</t>
    <rPh sb="0" eb="1">
      <t>シ</t>
    </rPh>
    <rPh sb="2" eb="3">
      <t>タチ</t>
    </rPh>
    <phoneticPr fontId="3"/>
  </si>
  <si>
    <t>[府   暫   定]</t>
    <phoneticPr fontId="3"/>
  </si>
  <si>
    <t>資料：こども・学校サポート室（児童生徒の問題行動等生徒指導上の諸課題に関する調査）</t>
    <rPh sb="7" eb="9">
      <t>ガッコウ</t>
    </rPh>
    <rPh sb="13" eb="14">
      <t>シツ</t>
    </rPh>
    <rPh sb="35" eb="36">
      <t>カン</t>
    </rPh>
    <phoneticPr fontId="3"/>
  </si>
  <si>
    <t>家庭で簡単にできる中華料理教室</t>
  </si>
  <si>
    <t>軟式野球連盟</t>
  </si>
  <si>
    <t>大住詩吟同好会</t>
  </si>
  <si>
    <t>音和会</t>
  </si>
  <si>
    <t>松井ケ丘保育園</t>
    <rPh sb="0" eb="2">
      <t>マツイ</t>
    </rPh>
    <rPh sb="3" eb="4">
      <t>オカ</t>
    </rPh>
    <rPh sb="4" eb="7">
      <t>ホイクエン</t>
    </rPh>
    <phoneticPr fontId="3"/>
  </si>
  <si>
    <t>NPO法人京田辺市スポーツ協会</t>
    <phoneticPr fontId="3"/>
  </si>
  <si>
    <t>３B体操スイトピー</t>
    <phoneticPr fontId="3"/>
  </si>
  <si>
    <t>京田辺市いけばな協会</t>
    <phoneticPr fontId="3"/>
  </si>
  <si>
    <t>アンサンブルグループバオバブの樹</t>
    <phoneticPr fontId="3"/>
  </si>
  <si>
    <t>多目的
運動広場</t>
    <phoneticPr fontId="3"/>
  </si>
  <si>
    <t>第１コート
（フットサルコート）</t>
    <phoneticPr fontId="3"/>
  </si>
  <si>
    <t>第２コート
（テニスコート）</t>
    <phoneticPr fontId="3"/>
  </si>
  <si>
    <t>使用件数</t>
    <phoneticPr fontId="3"/>
  </si>
  <si>
    <t>8</t>
  </si>
  <si>
    <t>資料：保育幼稚園課、聖愛幼稚園、そよかぜ幼稚園</t>
    <rPh sb="0" eb="2">
      <t>シリョウ</t>
    </rPh>
    <rPh sb="3" eb="5">
      <t>ホイク</t>
    </rPh>
    <rPh sb="5" eb="9">
      <t>ヨウチエンカ</t>
    </rPh>
    <rPh sb="10" eb="12">
      <t>セイアイ</t>
    </rPh>
    <rPh sb="12" eb="15">
      <t>ヨウチエン</t>
    </rPh>
    <rPh sb="20" eb="23">
      <t>ヨウチエン</t>
    </rPh>
    <phoneticPr fontId="3"/>
  </si>
  <si>
    <t>資料：保育幼稚園課、幼保連携型認定こども園こもれび、松井ケ丘保育園、みんなのき三山木こども園</t>
    <rPh sb="0" eb="2">
      <t>シリョウ</t>
    </rPh>
    <rPh sb="3" eb="5">
      <t>ホイク</t>
    </rPh>
    <rPh sb="5" eb="9">
      <t>ヨウチエンカ</t>
    </rPh>
    <rPh sb="10" eb="12">
      <t>ヨウホ</t>
    </rPh>
    <rPh sb="12" eb="14">
      <t>レンケイ</t>
    </rPh>
    <rPh sb="14" eb="15">
      <t>ガタ</t>
    </rPh>
    <rPh sb="15" eb="17">
      <t>ニンテイ</t>
    </rPh>
    <rPh sb="20" eb="21">
      <t>エン</t>
    </rPh>
    <rPh sb="26" eb="28">
      <t>マツイ</t>
    </rPh>
    <rPh sb="29" eb="30">
      <t>オカ</t>
    </rPh>
    <rPh sb="30" eb="33">
      <t>ホイクエン</t>
    </rPh>
    <rPh sb="39" eb="42">
      <t>ミヤマキ</t>
    </rPh>
    <rPh sb="45" eb="46">
      <t>エン</t>
    </rPh>
    <phoneticPr fontId="3"/>
  </si>
  <si>
    <t>教育支援センター（アイリス）</t>
    <phoneticPr fontId="3"/>
  </si>
  <si>
    <t>注2　教育支援センター（アイリス）「実施回数」「参加延人数」は、令和５年８月までは適応指導教室（ポットラッ</t>
    <rPh sb="0" eb="1">
      <t>チュウ</t>
    </rPh>
    <rPh sb="3" eb="5">
      <t>キョウイク</t>
    </rPh>
    <rPh sb="5" eb="7">
      <t>シエン</t>
    </rPh>
    <rPh sb="18" eb="20">
      <t>ジッシ</t>
    </rPh>
    <rPh sb="20" eb="22">
      <t>カイスウ</t>
    </rPh>
    <rPh sb="24" eb="26">
      <t>サンカ</t>
    </rPh>
    <rPh sb="26" eb="27">
      <t>ノブ</t>
    </rPh>
    <rPh sb="27" eb="29">
      <t>ニンズウ</t>
    </rPh>
    <rPh sb="32" eb="34">
      <t>レイワ</t>
    </rPh>
    <rPh sb="35" eb="36">
      <t>ネン</t>
    </rPh>
    <rPh sb="37" eb="38">
      <t>ガツ</t>
    </rPh>
    <phoneticPr fontId="2"/>
  </si>
  <si>
    <t xml:space="preserve">　     ク）の数値、それ以降は教育支援センター（アイリス）の数値。　　 </t>
  </si>
  <si>
    <t>M.42. 4.  5</t>
    <phoneticPr fontId="3"/>
  </si>
  <si>
    <t>T. 2.  4. 14</t>
    <phoneticPr fontId="3"/>
  </si>
  <si>
    <t>江　戸</t>
    <phoneticPr fontId="3"/>
  </si>
  <si>
    <t>T. 5.  5.24</t>
    <phoneticPr fontId="3"/>
  </si>
  <si>
    <t>T. 2.  4.14</t>
    <phoneticPr fontId="3"/>
  </si>
  <si>
    <t>S. 8. 12.14</t>
    <phoneticPr fontId="3"/>
  </si>
  <si>
    <t>S.26.  6. 9</t>
    <phoneticPr fontId="3"/>
  </si>
  <si>
    <t>綴喜古墳群（大住車塚古墳・天理山古墳群・飯岡車塚古墳）</t>
    <rPh sb="0" eb="2">
      <t>ツヅキ</t>
    </rPh>
    <rPh sb="2" eb="5">
      <t>コフングン</t>
    </rPh>
    <rPh sb="6" eb="8">
      <t>オオスミ</t>
    </rPh>
    <rPh sb="8" eb="10">
      <t>クルマツカ</t>
    </rPh>
    <rPh sb="10" eb="12">
      <t>コフン</t>
    </rPh>
    <rPh sb="13" eb="15">
      <t>テンリ</t>
    </rPh>
    <rPh sb="15" eb="16">
      <t>ヤマ</t>
    </rPh>
    <rPh sb="16" eb="18">
      <t>コフン</t>
    </rPh>
    <rPh sb="18" eb="19">
      <t>グン</t>
    </rPh>
    <rPh sb="20" eb="22">
      <t>イノオカ</t>
    </rPh>
    <rPh sb="22" eb="24">
      <t>クルマツカ</t>
    </rPh>
    <rPh sb="24" eb="26">
      <t>コフン</t>
    </rPh>
    <phoneticPr fontId="3"/>
  </si>
  <si>
    <t>古　墳</t>
    <rPh sb="0" eb="1">
      <t>フル</t>
    </rPh>
    <rPh sb="2" eb="3">
      <t>フン</t>
    </rPh>
    <phoneticPr fontId="3"/>
  </si>
  <si>
    <t>古　墳</t>
    <phoneticPr fontId="3"/>
  </si>
  <si>
    <t>大　住
薪
飯岡</t>
    <rPh sb="0" eb="1">
      <t>ダイ</t>
    </rPh>
    <rPh sb="2" eb="3">
      <t>ジュウ</t>
    </rPh>
    <rPh sb="4" eb="5">
      <t>タキギ</t>
    </rPh>
    <rPh sb="6" eb="8">
      <t>イノオカ</t>
    </rPh>
    <phoneticPr fontId="3"/>
  </si>
  <si>
    <t>S.49. 6.11
R. 4.11.10</t>
    <phoneticPr fontId="3"/>
  </si>
  <si>
    <t>H. 5.  4. 9</t>
    <phoneticPr fontId="3"/>
  </si>
  <si>
    <t>弥　生</t>
    <phoneticPr fontId="3"/>
  </si>
  <si>
    <t>H.31. 3.29</t>
    <phoneticPr fontId="3"/>
  </si>
  <si>
    <t>絹本著色大応国師像</t>
    <rPh sb="4" eb="5">
      <t>オオ</t>
    </rPh>
    <rPh sb="5" eb="6">
      <t>オウ</t>
    </rPh>
    <rPh sb="6" eb="7">
      <t>コク</t>
    </rPh>
    <rPh sb="7" eb="8">
      <t>シ</t>
    </rPh>
    <phoneticPr fontId="3"/>
  </si>
  <si>
    <t>室  町</t>
    <phoneticPr fontId="3"/>
  </si>
  <si>
    <t>H.30. 3.23</t>
    <phoneticPr fontId="3"/>
  </si>
  <si>
    <t>[府 　指　 定]</t>
    <rPh sb="1" eb="2">
      <t>フ</t>
    </rPh>
    <rPh sb="4" eb="5">
      <t>ユビ</t>
    </rPh>
    <rPh sb="7" eb="8">
      <t>サダム</t>
    </rPh>
    <phoneticPr fontId="3"/>
  </si>
  <si>
    <t>酬恩庵方丈障壁画　狩野探幽筆　43面
附　紙本墨画太湖石図　原在中筆　2面
紙本金地著色梅松図　2面</t>
    <rPh sb="0" eb="3">
      <t>シュウオンアン</t>
    </rPh>
    <rPh sb="3" eb="5">
      <t>ホウジョウ</t>
    </rPh>
    <rPh sb="5" eb="7">
      <t>ショウヘキ</t>
    </rPh>
    <rPh sb="7" eb="8">
      <t>ガ</t>
    </rPh>
    <rPh sb="9" eb="11">
      <t>カノウ</t>
    </rPh>
    <rPh sb="11" eb="13">
      <t>タンユウ</t>
    </rPh>
    <rPh sb="13" eb="14">
      <t>ヒツ</t>
    </rPh>
    <rPh sb="17" eb="18">
      <t>メン</t>
    </rPh>
    <rPh sb="19" eb="20">
      <t>ツ</t>
    </rPh>
    <rPh sb="21" eb="23">
      <t>シホン</t>
    </rPh>
    <rPh sb="23" eb="25">
      <t>ボクガ</t>
    </rPh>
    <rPh sb="25" eb="26">
      <t>フト</t>
    </rPh>
    <rPh sb="26" eb="27">
      <t>ミズウミ</t>
    </rPh>
    <rPh sb="27" eb="28">
      <t>イシ</t>
    </rPh>
    <rPh sb="28" eb="29">
      <t>ズ</t>
    </rPh>
    <rPh sb="30" eb="31">
      <t>ハラ</t>
    </rPh>
    <rPh sb="31" eb="33">
      <t>ザイチュウ</t>
    </rPh>
    <rPh sb="33" eb="34">
      <t>ヒツ</t>
    </rPh>
    <rPh sb="36" eb="37">
      <t>メン</t>
    </rPh>
    <rPh sb="38" eb="40">
      <t>シホン</t>
    </rPh>
    <rPh sb="40" eb="41">
      <t>キン</t>
    </rPh>
    <rPh sb="41" eb="42">
      <t>チ</t>
    </rPh>
    <rPh sb="42" eb="43">
      <t>チョ</t>
    </rPh>
    <rPh sb="43" eb="44">
      <t>イロ</t>
    </rPh>
    <rPh sb="44" eb="45">
      <t>ウメ</t>
    </rPh>
    <rPh sb="45" eb="46">
      <t>マツ</t>
    </rPh>
    <rPh sb="46" eb="47">
      <t>ズ</t>
    </rPh>
    <rPh sb="49" eb="50">
      <t>メン</t>
    </rPh>
    <phoneticPr fontId="3"/>
  </si>
  <si>
    <t>江  戸</t>
    <rPh sb="0" eb="1">
      <t>コウ</t>
    </rPh>
    <rPh sb="3" eb="4">
      <t>ト</t>
    </rPh>
    <phoneticPr fontId="3"/>
  </si>
  <si>
    <t>薪</t>
    <rPh sb="0" eb="1">
      <t>タキギ</t>
    </rPh>
    <phoneticPr fontId="3"/>
  </si>
  <si>
    <t>R. 6.  3.29</t>
    <phoneticPr fontId="3"/>
  </si>
  <si>
    <t>桃　山</t>
    <phoneticPr fontId="3"/>
  </si>
  <si>
    <t>[府   登   録]</t>
    <phoneticPr fontId="3"/>
  </si>
  <si>
    <t>H.29. 9.25</t>
    <phoneticPr fontId="3"/>
  </si>
  <si>
    <t>木造地蔵菩薩立像　宗貞作</t>
    <rPh sb="0" eb="2">
      <t>モクゾウ</t>
    </rPh>
    <rPh sb="2" eb="8">
      <t>ジゾウボサツリュウゾウ</t>
    </rPh>
    <rPh sb="9" eb="11">
      <t>ソウテイ</t>
    </rPh>
    <rPh sb="11" eb="12">
      <t>サク</t>
    </rPh>
    <phoneticPr fontId="3"/>
  </si>
  <si>
    <t>桃　山</t>
    <rPh sb="0" eb="1">
      <t>モモ</t>
    </rPh>
    <rPh sb="2" eb="3">
      <t>ヤマ</t>
    </rPh>
    <phoneticPr fontId="3"/>
  </si>
  <si>
    <t>東</t>
    <rPh sb="0" eb="1">
      <t>ヒガシ</t>
    </rPh>
    <phoneticPr fontId="3"/>
  </si>
  <si>
    <t>H.31.  2 .1</t>
    <phoneticPr fontId="3"/>
  </si>
  <si>
    <t>S.58. 4.15</t>
    <phoneticPr fontId="3"/>
  </si>
  <si>
    <t>S.59. 4.14</t>
    <phoneticPr fontId="3"/>
  </si>
  <si>
    <t>S.50.12.19</t>
    <phoneticPr fontId="3"/>
  </si>
  <si>
    <t>S.53.10. 1</t>
    <phoneticPr fontId="3"/>
  </si>
  <si>
    <t>縄　文</t>
    <phoneticPr fontId="3"/>
  </si>
  <si>
    <t>H. 5.  4. 1</t>
    <phoneticPr fontId="3"/>
  </si>
  <si>
    <t>H.12. 4. 1</t>
    <phoneticPr fontId="3"/>
  </si>
  <si>
    <t>H.21. 6. 1</t>
    <phoneticPr fontId="3"/>
  </si>
  <si>
    <t>平　安</t>
    <phoneticPr fontId="3"/>
  </si>
  <si>
    <t>木造聖徳太子立像</t>
    <rPh sb="0" eb="2">
      <t>モクゾウ</t>
    </rPh>
    <rPh sb="2" eb="4">
      <t>ショウトク</t>
    </rPh>
    <rPh sb="4" eb="6">
      <t>タイシ</t>
    </rPh>
    <rPh sb="6" eb="8">
      <t>リュウゾウ</t>
    </rPh>
    <phoneticPr fontId="3"/>
  </si>
  <si>
    <t>鎌　倉</t>
    <rPh sb="0" eb="1">
      <t>カマ</t>
    </rPh>
    <rPh sb="2" eb="3">
      <t>クラ</t>
    </rPh>
    <phoneticPr fontId="3"/>
  </si>
  <si>
    <t>山　本</t>
    <rPh sb="0" eb="1">
      <t>ヤマ</t>
    </rPh>
    <rPh sb="2" eb="3">
      <t>ホン</t>
    </rPh>
    <phoneticPr fontId="3"/>
  </si>
  <si>
    <t>R. 6.  2. 1</t>
    <phoneticPr fontId="3"/>
  </si>
  <si>
    <t>松井家文書</t>
    <rPh sb="0" eb="3">
      <t>マツイケ</t>
    </rPh>
    <rPh sb="3" eb="5">
      <t>モンジョ</t>
    </rPh>
    <phoneticPr fontId="3"/>
  </si>
  <si>
    <t>桃山～大正</t>
    <rPh sb="0" eb="2">
      <t>モモヤマ</t>
    </rPh>
    <rPh sb="3" eb="5">
      <t>タイショウ</t>
    </rPh>
    <phoneticPr fontId="3"/>
  </si>
  <si>
    <t>松　井</t>
    <rPh sb="0" eb="1">
      <t>マツ</t>
    </rPh>
    <rPh sb="2" eb="3">
      <t>イ</t>
    </rPh>
    <phoneticPr fontId="3"/>
  </si>
  <si>
    <t>R. 4.  4. 1</t>
    <phoneticPr fontId="3"/>
  </si>
  <si>
    <t>建　物</t>
    <phoneticPr fontId="3"/>
  </si>
  <si>
    <t>高　木</t>
    <phoneticPr fontId="3"/>
  </si>
  <si>
    <t>R. 5.  3. 1</t>
    <phoneticPr fontId="3"/>
  </si>
  <si>
    <t>剪定教室</t>
  </si>
  <si>
    <t>(-)</t>
  </si>
  <si>
    <t>手芸教室</t>
  </si>
  <si>
    <t>スマホ教室（前期）</t>
  </si>
  <si>
    <t>スマホ教室（後期）</t>
  </si>
  <si>
    <t>スマホ写真教室</t>
  </si>
  <si>
    <t>はじめての資産運用講座</t>
  </si>
  <si>
    <t>退職後の地域デビュー講座</t>
  </si>
  <si>
    <t>植木草花盆栽講習会 （お正月用）</t>
  </si>
  <si>
    <t>コックさんの料理教室</t>
  </si>
  <si>
    <t>伊勢型紙づくり教室</t>
  </si>
  <si>
    <t>フラワーリース教室</t>
  </si>
  <si>
    <t>親子ガラス教室</t>
    <rPh sb="0" eb="2">
      <t>オヤコ</t>
    </rPh>
    <rPh sb="5" eb="7">
      <t>キョウシツ</t>
    </rPh>
    <phoneticPr fontId="3"/>
  </si>
  <si>
    <t>野菜ソムリエ教室</t>
    <rPh sb="0" eb="2">
      <t>ヤサイ</t>
    </rPh>
    <rPh sb="6" eb="8">
      <t>キョウシツ</t>
    </rPh>
    <phoneticPr fontId="3"/>
  </si>
  <si>
    <t>ピックルボールクラブ</t>
    <phoneticPr fontId="3"/>
  </si>
  <si>
    <t>m　　a　　m　　a　　M　　U　　S　　E</t>
    <phoneticPr fontId="3"/>
  </si>
  <si>
    <t>複式
学級</t>
    <rPh sb="0" eb="2">
      <t>フクシキ</t>
    </rPh>
    <rPh sb="3" eb="5">
      <t>ガッキュウ</t>
    </rPh>
    <phoneticPr fontId="3"/>
  </si>
  <si>
    <t>特別支援
学級</t>
    <rPh sb="0" eb="2">
      <t>トクベツ</t>
    </rPh>
    <rPh sb="2" eb="4">
      <t>シエン</t>
    </rPh>
    <rPh sb="5" eb="6">
      <t>マナブ</t>
    </rPh>
    <rPh sb="6" eb="7">
      <t>キュウ</t>
    </rPh>
    <phoneticPr fontId="3"/>
  </si>
  <si>
    <t>登録サークル等人材活用講座
（木工）</t>
    <phoneticPr fontId="3"/>
  </si>
  <si>
    <t>登録サークル等人材活用講座
（茶道）</t>
    <phoneticPr fontId="3"/>
  </si>
  <si>
    <t>登録サークル等人材活用講座
（書道）</t>
    <phoneticPr fontId="3"/>
  </si>
  <si>
    <t>（令和７年５月１日現在調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rPh sb="11" eb="12">
      <t>シラ</t>
    </rPh>
    <phoneticPr fontId="3"/>
  </si>
  <si>
    <t>（令和７年５月１日現在調）</t>
    <rPh sb="1" eb="3">
      <t>レイワ</t>
    </rPh>
    <rPh sb="4" eb="5">
      <t>ネン</t>
    </rPh>
    <phoneticPr fontId="3"/>
  </si>
  <si>
    <t>5年3月卒業</t>
    <phoneticPr fontId="3"/>
  </si>
  <si>
    <t>6年3月卒業</t>
    <phoneticPr fontId="3"/>
  </si>
  <si>
    <t>7年3月卒業</t>
    <rPh sb="1" eb="2">
      <t>ネン</t>
    </rPh>
    <phoneticPr fontId="3"/>
  </si>
  <si>
    <t>3</t>
  </si>
  <si>
    <t>2</t>
  </si>
  <si>
    <t>5年3月卒業</t>
    <phoneticPr fontId="3"/>
  </si>
  <si>
    <t>6年3月卒業</t>
    <phoneticPr fontId="3"/>
  </si>
  <si>
    <t>（令和７年１０月１日現在調）</t>
    <rPh sb="1" eb="3">
      <t>レイワ</t>
    </rPh>
    <rPh sb="4" eb="5">
      <t>ネン</t>
    </rPh>
    <rPh sb="7" eb="8">
      <t>ガツ</t>
    </rPh>
    <rPh sb="9" eb="10">
      <t>ニチ</t>
    </rPh>
    <rPh sb="10" eb="12">
      <t>ゲンザイ</t>
    </rPh>
    <rPh sb="12" eb="13">
      <t>シラ</t>
    </rPh>
    <phoneticPr fontId="3"/>
  </si>
  <si>
    <t>（令和７年４月１日現在調）</t>
    <rPh sb="1" eb="3">
      <t>レイワ</t>
    </rPh>
    <rPh sb="4" eb="5">
      <t>ネン</t>
    </rPh>
    <phoneticPr fontId="3"/>
  </si>
  <si>
    <t>（令和７年４月１日現在調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rPh sb="11" eb="12">
      <t>シラ</t>
    </rPh>
    <phoneticPr fontId="3"/>
  </si>
  <si>
    <t>資料：文化・スポーツ振興課</t>
    <rPh sb="3" eb="5">
      <t>ブンカ</t>
    </rPh>
    <rPh sb="10" eb="13">
      <t>シンコウカ</t>
    </rPh>
    <phoneticPr fontId="3"/>
  </si>
  <si>
    <t>河原</t>
    <rPh sb="0" eb="2">
      <t>カワラ</t>
    </rPh>
    <phoneticPr fontId="3"/>
  </si>
  <si>
    <t>年度・区分</t>
  </si>
  <si>
    <t>人数</t>
  </si>
  <si>
    <t>…</t>
    <phoneticPr fontId="3"/>
  </si>
  <si>
    <t>多目的ルーム</t>
    <rPh sb="0" eb="3">
      <t>タモクテキ</t>
    </rPh>
    <phoneticPr fontId="3"/>
  </si>
  <si>
    <t>多目的ルーム（おちゃ）</t>
    <rPh sb="0" eb="3">
      <t>タモクテキ</t>
    </rPh>
    <phoneticPr fontId="3"/>
  </si>
  <si>
    <t>多目的ルーム（なのはな）</t>
    <rPh sb="0" eb="3">
      <t>タモクテキ</t>
    </rPh>
    <phoneticPr fontId="3"/>
  </si>
  <si>
    <t>会議室１</t>
    <rPh sb="0" eb="3">
      <t>カイギシツ</t>
    </rPh>
    <phoneticPr fontId="3"/>
  </si>
  <si>
    <t>会議室２</t>
    <rPh sb="0" eb="3">
      <t>カイギシツ</t>
    </rPh>
    <phoneticPr fontId="3"/>
  </si>
  <si>
    <t>交流・イベントスペース</t>
    <rPh sb="0" eb="2">
      <t>コウリュウ</t>
    </rPh>
    <phoneticPr fontId="3"/>
  </si>
  <si>
    <t>交流・イベントスペース(貸切)</t>
    <rPh sb="0" eb="2">
      <t>コウリュウ</t>
    </rPh>
    <rPh sb="12" eb="14">
      <t>カシキリ</t>
    </rPh>
    <phoneticPr fontId="3"/>
  </si>
  <si>
    <t>コミュニティカフェ</t>
    <phoneticPr fontId="3"/>
  </si>
  <si>
    <t>資料：南部まちづくりセンター</t>
    <rPh sb="0" eb="2">
      <t>シリョウ</t>
    </rPh>
    <rPh sb="3" eb="5">
      <t>ナンブ</t>
    </rPh>
    <phoneticPr fontId="3"/>
  </si>
  <si>
    <t>注１　交流・イベントスペースは一般開放しているスペースのため、件数は算出不能。人数は推計値となっている。</t>
    <rPh sb="0" eb="1">
      <t>チュウ</t>
    </rPh>
    <rPh sb="3" eb="5">
      <t>コウリュウ</t>
    </rPh>
    <rPh sb="15" eb="17">
      <t>イッパン</t>
    </rPh>
    <rPh sb="17" eb="19">
      <t>カイホウ</t>
    </rPh>
    <rPh sb="31" eb="33">
      <t>ケンスウ</t>
    </rPh>
    <rPh sb="34" eb="36">
      <t>サンシュツ</t>
    </rPh>
    <rPh sb="36" eb="38">
      <t>フノウ</t>
    </rPh>
    <rPh sb="39" eb="41">
      <t>ニンズウ</t>
    </rPh>
    <rPh sb="40" eb="41">
      <t>スウ</t>
    </rPh>
    <rPh sb="42" eb="45">
      <t>スイケイチ</t>
    </rPh>
    <phoneticPr fontId="3"/>
  </si>
  <si>
    <t>２５．南部まちづくりセンター利用状況</t>
    <rPh sb="3" eb="5">
      <t>ナンブ</t>
    </rPh>
    <rPh sb="14" eb="16">
      <t>リヨウ</t>
    </rPh>
    <rPh sb="16" eb="18">
      <t>ジョウキョウ</t>
    </rPh>
    <phoneticPr fontId="3"/>
  </si>
  <si>
    <t>２６．スポーツ・文化活動団体等の状況</t>
    <rPh sb="8" eb="10">
      <t>ブンカ</t>
    </rPh>
    <rPh sb="10" eb="12">
      <t>カツドウ</t>
    </rPh>
    <rPh sb="12" eb="14">
      <t>ダンタイ</t>
    </rPh>
    <rPh sb="14" eb="15">
      <t>トウ</t>
    </rPh>
    <rPh sb="16" eb="18">
      <t>ジョウキョウ</t>
    </rPh>
    <phoneticPr fontId="3"/>
  </si>
  <si>
    <t>２７．有料公園利用状況</t>
    <phoneticPr fontId="3"/>
  </si>
  <si>
    <t>２８．田辺中央体育館アリーナ利用状況</t>
    <rPh sb="3" eb="5">
      <t>タナベ</t>
    </rPh>
    <rPh sb="5" eb="7">
      <t>チュウオウ</t>
    </rPh>
    <rPh sb="7" eb="10">
      <t>タイイクカン</t>
    </rPh>
    <rPh sb="14" eb="16">
      <t>リヨウ</t>
    </rPh>
    <rPh sb="16" eb="18">
      <t>ジョウキョウ</t>
    </rPh>
    <phoneticPr fontId="3"/>
  </si>
  <si>
    <t>２９．田辺公園プール利用状況</t>
    <rPh sb="3" eb="5">
      <t>タナベ</t>
    </rPh>
    <rPh sb="5" eb="7">
      <t>コウエン</t>
    </rPh>
    <rPh sb="10" eb="12">
      <t>リヨウ</t>
    </rPh>
    <rPh sb="12" eb="14">
      <t>ジョウキョウ</t>
    </rPh>
    <phoneticPr fontId="3"/>
  </si>
  <si>
    <t>３０．市野外活動センター使用状況</t>
    <rPh sb="3" eb="4">
      <t>タナベシ</t>
    </rPh>
    <rPh sb="4" eb="6">
      <t>ヤガイ</t>
    </rPh>
    <rPh sb="6" eb="8">
      <t>カツドウ</t>
    </rPh>
    <rPh sb="14" eb="16">
      <t>ジョウキョウ</t>
    </rPh>
    <phoneticPr fontId="3"/>
  </si>
  <si>
    <t>注２　令和４年５月１５日に開設したため、令和４年度は年度途中からの数値である。</t>
    <rPh sb="0" eb="1">
      <t>チュウ</t>
    </rPh>
    <rPh sb="3" eb="5">
      <t>レイワ</t>
    </rPh>
    <rPh sb="6" eb="7">
      <t>ネン</t>
    </rPh>
    <rPh sb="8" eb="9">
      <t>ガツ</t>
    </rPh>
    <rPh sb="11" eb="12">
      <t>ニチ</t>
    </rPh>
    <rPh sb="13" eb="15">
      <t>カイセツ</t>
    </rPh>
    <rPh sb="20" eb="22">
      <t>レイワ</t>
    </rPh>
    <rPh sb="23" eb="24">
      <t>ネン</t>
    </rPh>
    <rPh sb="24" eb="25">
      <t>ド</t>
    </rPh>
    <rPh sb="26" eb="28">
      <t>ネンド</t>
    </rPh>
    <rPh sb="28" eb="30">
      <t>トチュウ</t>
    </rPh>
    <rPh sb="33" eb="35">
      <t>スウチ</t>
    </rPh>
    <phoneticPr fontId="3"/>
  </si>
  <si>
    <t>3</t>
    <phoneticPr fontId="3"/>
  </si>
  <si>
    <t>2</t>
    <phoneticPr fontId="3"/>
  </si>
  <si>
    <t>木造四天王立像</t>
  </si>
  <si>
    <t>R. 7.  3.25</t>
  </si>
  <si>
    <t>親子料理教室</t>
    <rPh sb="0" eb="2">
      <t>オヤコ</t>
    </rPh>
    <rPh sb="2" eb="4">
      <t>リョウリ</t>
    </rPh>
    <rPh sb="4" eb="6">
      <t>キョウシツ</t>
    </rPh>
    <phoneticPr fontId="1"/>
  </si>
  <si>
    <t>脳トレ健康マージャン教室</t>
    <rPh sb="0" eb="1">
      <t>ノウ</t>
    </rPh>
    <rPh sb="3" eb="5">
      <t>ケンコウ</t>
    </rPh>
    <rPh sb="10" eb="12">
      <t>キョウシツ</t>
    </rPh>
    <phoneticPr fontId="1"/>
  </si>
  <si>
    <t>－</t>
  </si>
  <si>
    <t>はじめてのそばうち教室</t>
    <rPh sb="9" eb="11">
      <t>キョウシツ</t>
    </rPh>
    <phoneticPr fontId="1"/>
  </si>
  <si>
    <t>マクラメ編み教室</t>
    <rPh sb="4" eb="5">
      <t>ア</t>
    </rPh>
    <rPh sb="6" eb="8">
      <t>キョウシツ</t>
    </rPh>
    <phoneticPr fontId="1"/>
  </si>
  <si>
    <t>10歳若返りを実践！
自分を変える教室</t>
    <rPh sb="2" eb="3">
      <t>サイ</t>
    </rPh>
    <rPh sb="3" eb="5">
      <t>ワカガエ</t>
    </rPh>
    <rPh sb="7" eb="9">
      <t>ジッセン</t>
    </rPh>
    <rPh sb="11" eb="13">
      <t>ジブン</t>
    </rPh>
    <rPh sb="14" eb="15">
      <t>カ</t>
    </rPh>
    <rPh sb="17" eb="19">
      <t>キョウシツ</t>
    </rPh>
    <phoneticPr fontId="1"/>
  </si>
  <si>
    <t>街の和菓子屋さんが教える
和菓子づくり教室</t>
    <rPh sb="0" eb="1">
      <t>マチ</t>
    </rPh>
    <rPh sb="2" eb="6">
      <t>ワガシヤ</t>
    </rPh>
    <rPh sb="9" eb="10">
      <t>オシ</t>
    </rPh>
    <rPh sb="13" eb="16">
      <t>ワガシ</t>
    </rPh>
    <rPh sb="19" eb="21">
      <t>キョウシツ</t>
    </rPh>
    <phoneticPr fontId="1"/>
  </si>
  <si>
    <t>ハーバリウム教室</t>
  </si>
  <si>
    <t>ソラフラワー玉教室</t>
  </si>
  <si>
    <t>親子バレンタインスイーツ教室</t>
    <rPh sb="12" eb="14">
      <t>キョウシツ</t>
    </rPh>
    <phoneticPr fontId="1"/>
  </si>
  <si>
    <t>ピリナエヴァル　フラスタジオ　アロハエンゼル田辺</t>
    <phoneticPr fontId="3"/>
  </si>
  <si>
    <t>NPO法人やましろ里山の会京田辺支部</t>
    <rPh sb="13" eb="14">
      <t>キョウ</t>
    </rPh>
    <phoneticPr fontId="3"/>
  </si>
  <si>
    <t>一閑張りクラブ</t>
    <phoneticPr fontId="3"/>
  </si>
  <si>
    <t>京田辺市少年少女合唱団コスモス</t>
    <phoneticPr fontId="3"/>
  </si>
  <si>
    <t>コール「ＨＥＡＲＴ」</t>
    <phoneticPr fontId="3"/>
  </si>
  <si>
    <t>華都会</t>
    <phoneticPr fontId="3"/>
  </si>
  <si>
    <t xml:space="preserve">R＆PWorksﾛｰｽﾞｳｲﾝﾄﾞｳ　切り紙教室   </t>
    <phoneticPr fontId="3"/>
  </si>
  <si>
    <t>京・文化麻雀研究会</t>
    <phoneticPr fontId="3"/>
  </si>
  <si>
    <t>チアグランマ</t>
    <phoneticPr fontId="3"/>
  </si>
  <si>
    <t>注１　令和７年３月３１日をもって閉所</t>
    <rPh sb="0" eb="1">
      <t>チュウ</t>
    </rPh>
    <rPh sb="3" eb="5">
      <t>レイワ</t>
    </rPh>
    <rPh sb="6" eb="7">
      <t>ネン</t>
    </rPh>
    <rPh sb="8" eb="9">
      <t>ガツ</t>
    </rPh>
    <rPh sb="11" eb="12">
      <t>ニチ</t>
    </rPh>
    <rPh sb="16" eb="18">
      <t>ヘイ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9">
    <numFmt numFmtId="42" formatCode="_ &quot;¥&quot;* #,##0_ ;_ &quot;¥&quot;* \-#,##0_ ;_ &quot;¥&quot;* &quot;-&quot;_ ;_ @_ "/>
    <numFmt numFmtId="41" formatCode="_ * #,##0_ ;_ * \-#,##0_ ;_ * &quot;-&quot;_ ;_ @_ "/>
    <numFmt numFmtId="176" formatCode="#,##0_ "/>
    <numFmt numFmtId="177" formatCode="0_);[Red]\(0\)"/>
    <numFmt numFmtId="178" formatCode="#,##0_);[Red]\(#,##0\)"/>
    <numFmt numFmtId="179" formatCode="#,##0.0_ "/>
    <numFmt numFmtId="180" formatCode="#,##0_);\(#,##0\)"/>
    <numFmt numFmtId="181" formatCode="#,##0_ ;[Red]\-#,##0\ "/>
    <numFmt numFmtId="182" formatCode="0&quot;年&quot;"/>
    <numFmt numFmtId="183" formatCode="\(#,##0&quot;)&quot;;&quot;(&quot;@&quot;)&quot;"/>
    <numFmt numFmtId="184" formatCode="0&quot;年　&quot;"/>
    <numFmt numFmtId="185" formatCode="#,##0_ ;[Red]\-#,##0\ ;@\ "/>
    <numFmt numFmtId="186" formatCode="_ @_ "/>
    <numFmt numFmtId="187" formatCode="0.0_);[Red]\(0.0\)"/>
    <numFmt numFmtId="188" formatCode="#,##0.00_);[Red]\(#,##0.00\)"/>
    <numFmt numFmtId="189" formatCode="&quot;令和 &quot;0&quot;年&quot;"/>
    <numFmt numFmtId="190" formatCode="&quot;令和 &quot;0&quot;年　&quot;"/>
    <numFmt numFmtId="191" formatCode="@\ "/>
    <numFmt numFmtId="192" formatCode="&quot;令和 &quot;0&quot; 年&quot;"/>
  </numFmts>
  <fonts count="2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1"/>
      <name val="ＭＳ Ｐ明朝"/>
      <family val="1"/>
      <charset val="128"/>
    </font>
    <font>
      <sz val="9"/>
      <name val="ＭＳ Ｐ明朝"/>
      <family val="1"/>
      <charset val="128"/>
    </font>
    <font>
      <b/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8"/>
      <name val="ＭＳ Ｐ明朝"/>
      <family val="1"/>
      <charset val="128"/>
    </font>
    <font>
      <sz val="11"/>
      <name val="ＭＳ Ｐゴシック"/>
      <family val="3"/>
      <charset val="128"/>
    </font>
    <font>
      <sz val="10"/>
      <color indexed="8"/>
      <name val="ＭＳ Ｐ明朝"/>
      <family val="1"/>
      <charset val="128"/>
    </font>
    <font>
      <b/>
      <sz val="10"/>
      <color indexed="8"/>
      <name val="ＭＳ Ｐゴシック"/>
      <family val="3"/>
      <charset val="128"/>
    </font>
    <font>
      <b/>
      <sz val="9"/>
      <name val="ＭＳ Ｐゴシック"/>
      <family val="3"/>
      <charset val="128"/>
    </font>
    <font>
      <sz val="6"/>
      <name val="ＭＳ Ｐ明朝"/>
      <family val="1"/>
      <charset val="128"/>
    </font>
    <font>
      <sz val="5"/>
      <name val="ＭＳ Ｐ明朝"/>
      <family val="1"/>
      <charset val="128"/>
    </font>
    <font>
      <sz val="10"/>
      <color theme="1"/>
      <name val="ＭＳ Ｐ明朝"/>
      <family val="1"/>
      <charset val="128"/>
    </font>
    <font>
      <b/>
      <sz val="10"/>
      <name val="ＭＳ Ｐゴシック"/>
      <family val="3"/>
      <charset val="128"/>
      <scheme val="minor"/>
    </font>
    <font>
      <b/>
      <sz val="10"/>
      <color theme="1"/>
      <name val="ＭＳ Ｐゴシック"/>
      <family val="3"/>
      <charset val="128"/>
    </font>
    <font>
      <sz val="9"/>
      <color theme="1"/>
      <name val="ＭＳ Ｐ明朝"/>
      <family val="1"/>
      <charset val="128"/>
    </font>
    <font>
      <b/>
      <sz val="10"/>
      <name val="ＭＳ Ｐゴシック"/>
      <family val="3"/>
      <charset val="128"/>
      <scheme val="major"/>
    </font>
    <font>
      <sz val="11"/>
      <color theme="1"/>
      <name val="ＭＳ Ｐ明朝"/>
      <family val="1"/>
      <charset val="128"/>
    </font>
    <font>
      <b/>
      <sz val="10"/>
      <color theme="1"/>
      <name val="ＭＳ Ｐ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</fills>
  <borders count="8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/>
      <bottom style="thin">
        <color indexed="8"/>
      </bottom>
      <diagonal/>
    </border>
    <border>
      <left/>
      <right/>
      <top style="thin">
        <color indexed="8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8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8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8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8"/>
      </right>
      <top/>
      <bottom style="hair">
        <color indexed="64"/>
      </bottom>
      <diagonal/>
    </border>
    <border>
      <left/>
      <right style="hair">
        <color indexed="8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8"/>
      </left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8"/>
      </top>
      <bottom style="thin">
        <color indexed="64"/>
      </bottom>
      <diagonal/>
    </border>
    <border>
      <left style="hair">
        <color indexed="8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8"/>
      </bottom>
      <diagonal/>
    </border>
    <border>
      <left style="hair">
        <color indexed="64"/>
      </left>
      <right style="thin">
        <color indexed="64"/>
      </right>
      <top style="thin">
        <color indexed="8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8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8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theme="1"/>
      </left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0" fontId="1" fillId="0" borderId="0"/>
    <xf numFmtId="0" fontId="1" fillId="0" borderId="0">
      <alignment vertical="center"/>
    </xf>
    <xf numFmtId="0" fontId="1" fillId="0" borderId="0">
      <alignment vertical="center"/>
    </xf>
  </cellStyleXfs>
  <cellXfs count="1011">
    <xf numFmtId="0" fontId="0" fillId="0" borderId="0" xfId="0"/>
    <xf numFmtId="0" fontId="4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5" fillId="0" borderId="0" xfId="0" applyFont="1" applyAlignment="1">
      <alignment vertical="center"/>
    </xf>
    <xf numFmtId="0" fontId="4" fillId="0" borderId="1" xfId="0" applyFont="1" applyBorder="1" applyAlignment="1">
      <alignment horizontal="right" vertical="center"/>
    </xf>
    <xf numFmtId="0" fontId="6" fillId="0" borderId="2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6" fillId="0" borderId="4" xfId="0" applyFont="1" applyBorder="1" applyAlignment="1">
      <alignment vertical="center"/>
    </xf>
    <xf numFmtId="0" fontId="6" fillId="0" borderId="2" xfId="0" applyFont="1" applyBorder="1" applyAlignment="1">
      <alignment horizontal="distributed" vertical="center" indent="1"/>
    </xf>
    <xf numFmtId="0" fontId="6" fillId="0" borderId="0" xfId="0" applyFont="1" applyAlignment="1">
      <alignment horizontal="distributed" vertical="center" indent="1"/>
    </xf>
    <xf numFmtId="0" fontId="6" fillId="0" borderId="5" xfId="0" applyFont="1" applyBorder="1" applyAlignment="1">
      <alignment horizontal="distributed" vertical="center" indent="1"/>
    </xf>
    <xf numFmtId="0" fontId="6" fillId="0" borderId="2" xfId="0" applyFont="1" applyBorder="1" applyAlignment="1">
      <alignment horizontal="distributed" vertical="center" indent="2"/>
    </xf>
    <xf numFmtId="0" fontId="6" fillId="0" borderId="3" xfId="0" applyFont="1" applyBorder="1" applyAlignment="1">
      <alignment horizontal="distributed" vertical="center" indent="2"/>
    </xf>
    <xf numFmtId="0" fontId="4" fillId="0" borderId="0" xfId="0" applyFont="1" applyAlignment="1">
      <alignment horizontal="right" vertical="center"/>
    </xf>
    <xf numFmtId="0" fontId="6" fillId="0" borderId="6" xfId="0" applyFont="1" applyBorder="1" applyAlignment="1">
      <alignment horizontal="right" vertical="center"/>
    </xf>
    <xf numFmtId="0" fontId="6" fillId="0" borderId="7" xfId="0" applyFont="1" applyBorder="1" applyAlignment="1">
      <alignment horizontal="distributed" vertical="center"/>
    </xf>
    <xf numFmtId="0" fontId="6" fillId="0" borderId="8" xfId="0" applyFont="1" applyBorder="1" applyAlignment="1">
      <alignment horizontal="distributed" vertical="center"/>
    </xf>
    <xf numFmtId="0" fontId="4" fillId="0" borderId="1" xfId="0" applyFont="1" applyBorder="1" applyAlignment="1">
      <alignment horizontal="right"/>
    </xf>
    <xf numFmtId="0" fontId="4" fillId="0" borderId="0" xfId="0" applyFont="1" applyAlignment="1">
      <alignment horizontal="distributed" vertical="center"/>
    </xf>
    <xf numFmtId="178" fontId="4" fillId="0" borderId="0" xfId="0" applyNumberFormat="1" applyFont="1" applyAlignment="1">
      <alignment horizontal="right" vertical="center"/>
    </xf>
    <xf numFmtId="178" fontId="7" fillId="0" borderId="0" xfId="0" applyNumberFormat="1" applyFont="1" applyAlignment="1">
      <alignment horizontal="right" vertical="center"/>
    </xf>
    <xf numFmtId="0" fontId="6" fillId="0" borderId="3" xfId="0" applyFont="1" applyBorder="1" applyAlignment="1">
      <alignment horizontal="distributed" vertical="center" indent="1"/>
    </xf>
    <xf numFmtId="0" fontId="4" fillId="0" borderId="0" xfId="0" applyFont="1" applyAlignment="1">
      <alignment horizontal="right"/>
    </xf>
    <xf numFmtId="176" fontId="6" fillId="0" borderId="0" xfId="0" applyNumberFormat="1" applyFont="1" applyAlignment="1">
      <alignment horizontal="right" vertical="center"/>
    </xf>
    <xf numFmtId="0" fontId="6" fillId="0" borderId="5" xfId="0" applyFont="1" applyBorder="1" applyAlignment="1">
      <alignment horizontal="left" vertical="center"/>
    </xf>
    <xf numFmtId="0" fontId="6" fillId="0" borderId="0" xfId="0" applyFont="1" applyAlignment="1">
      <alignment horizontal="distributed" vertical="center"/>
    </xf>
    <xf numFmtId="0" fontId="6" fillId="0" borderId="5" xfId="0" applyFont="1" applyBorder="1" applyAlignment="1">
      <alignment horizontal="distributed" vertical="center"/>
    </xf>
    <xf numFmtId="176" fontId="6" fillId="0" borderId="0" xfId="0" applyNumberFormat="1" applyFont="1" applyAlignment="1">
      <alignment horizontal="center" vertical="center"/>
    </xf>
    <xf numFmtId="176" fontId="6" fillId="0" borderId="0" xfId="0" applyNumberFormat="1" applyFont="1" applyAlignment="1">
      <alignment vertical="center"/>
    </xf>
    <xf numFmtId="183" fontId="6" fillId="0" borderId="0" xfId="0" applyNumberFormat="1" applyFont="1" applyAlignment="1">
      <alignment horizontal="left" vertical="center"/>
    </xf>
    <xf numFmtId="176" fontId="4" fillId="0" borderId="0" xfId="0" applyNumberFormat="1" applyFont="1" applyAlignment="1">
      <alignment horizontal="right" vertical="center"/>
    </xf>
    <xf numFmtId="0" fontId="6" fillId="0" borderId="6" xfId="0" applyFont="1" applyBorder="1" applyAlignment="1">
      <alignment vertical="center"/>
    </xf>
    <xf numFmtId="0" fontId="13" fillId="0" borderId="0" xfId="4" applyFont="1">
      <alignment vertical="center"/>
    </xf>
    <xf numFmtId="0" fontId="9" fillId="0" borderId="0" xfId="0" applyFont="1" applyAlignment="1">
      <alignment horizontal="center" vertical="center"/>
    </xf>
    <xf numFmtId="0" fontId="13" fillId="0" borderId="0" xfId="0" applyFont="1" applyAlignment="1">
      <alignment vertical="center"/>
    </xf>
    <xf numFmtId="0" fontId="4" fillId="0" borderId="9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9" xfId="0" applyFont="1" applyBorder="1" applyAlignment="1">
      <alignment horizontal="right"/>
    </xf>
    <xf numFmtId="0" fontId="6" fillId="0" borderId="10" xfId="0" applyFont="1" applyBorder="1" applyAlignment="1">
      <alignment horizontal="right" vertical="center"/>
    </xf>
    <xf numFmtId="0" fontId="6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8" fillId="0" borderId="6" xfId="0" applyFont="1" applyBorder="1" applyAlignment="1">
      <alignment horizontal="left" vertical="center"/>
    </xf>
    <xf numFmtId="0" fontId="6" fillId="0" borderId="6" xfId="0" applyFont="1" applyBorder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8" fillId="0" borderId="6" xfId="0" applyFont="1" applyBorder="1" applyAlignment="1">
      <alignment vertical="center"/>
    </xf>
    <xf numFmtId="0" fontId="13" fillId="0" borderId="0" xfId="3" applyFont="1">
      <alignment vertical="center"/>
    </xf>
    <xf numFmtId="0" fontId="4" fillId="2" borderId="0" xfId="0" applyFont="1" applyFill="1" applyAlignment="1">
      <alignment vertical="center"/>
    </xf>
    <xf numFmtId="0" fontId="13" fillId="0" borderId="0" xfId="0" applyFont="1"/>
    <xf numFmtId="0" fontId="0" fillId="0" borderId="0" xfId="0" applyAlignment="1">
      <alignment vertical="center"/>
    </xf>
    <xf numFmtId="0" fontId="4" fillId="0" borderId="0" xfId="0" applyFont="1" applyAlignment="1" applyProtection="1">
      <alignment vertical="center"/>
      <protection locked="0"/>
    </xf>
    <xf numFmtId="0" fontId="4" fillId="0" borderId="6" xfId="0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178" fontId="4" fillId="0" borderId="6" xfId="0" applyNumberFormat="1" applyFont="1" applyBorder="1" applyAlignment="1">
      <alignment vertical="center"/>
    </xf>
    <xf numFmtId="0" fontId="1" fillId="0" borderId="0" xfId="3">
      <alignment vertical="center"/>
    </xf>
    <xf numFmtId="176" fontId="6" fillId="0" borderId="6" xfId="0" applyNumberFormat="1" applyFont="1" applyBorder="1" applyAlignment="1">
      <alignment vertical="center"/>
    </xf>
    <xf numFmtId="176" fontId="6" fillId="0" borderId="6" xfId="0" applyNumberFormat="1" applyFont="1" applyBorder="1" applyAlignment="1">
      <alignment horizontal="center" vertical="center"/>
    </xf>
    <xf numFmtId="0" fontId="6" fillId="0" borderId="11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5" fillId="4" borderId="0" xfId="0" applyFont="1" applyFill="1" applyAlignment="1">
      <alignment vertical="center"/>
    </xf>
    <xf numFmtId="0" fontId="4" fillId="0" borderId="18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13" xfId="0" applyFont="1" applyBorder="1" applyAlignment="1">
      <alignment vertical="center"/>
    </xf>
    <xf numFmtId="191" fontId="6" fillId="0" borderId="0" xfId="0" applyNumberFormat="1" applyFont="1" applyAlignment="1">
      <alignment horizontal="right" vertical="center"/>
    </xf>
    <xf numFmtId="176" fontId="4" fillId="0" borderId="0" xfId="0" applyNumberFormat="1" applyFont="1" applyAlignment="1">
      <alignment vertical="center"/>
    </xf>
    <xf numFmtId="49" fontId="6" fillId="0" borderId="0" xfId="0" applyNumberFormat="1" applyFont="1" applyAlignment="1">
      <alignment horizontal="right" vertical="center"/>
    </xf>
    <xf numFmtId="49" fontId="4" fillId="0" borderId="0" xfId="0" applyNumberFormat="1" applyFont="1" applyAlignment="1">
      <alignment vertical="center"/>
    </xf>
    <xf numFmtId="49" fontId="4" fillId="0" borderId="0" xfId="0" applyNumberFormat="1" applyFont="1" applyAlignment="1">
      <alignment horizontal="right" vertical="center"/>
    </xf>
    <xf numFmtId="49" fontId="4" fillId="0" borderId="1" xfId="0" applyNumberFormat="1" applyFont="1" applyBorder="1" applyAlignment="1">
      <alignment horizontal="right"/>
    </xf>
    <xf numFmtId="49" fontId="13" fillId="0" borderId="0" xfId="0" applyNumberFormat="1" applyFont="1"/>
    <xf numFmtId="49" fontId="4" fillId="0" borderId="0" xfId="0" applyNumberFormat="1" applyFont="1" applyAlignment="1">
      <alignment horizontal="right"/>
    </xf>
    <xf numFmtId="0" fontId="22" fillId="4" borderId="6" xfId="0" applyFont="1" applyFill="1" applyBorder="1" applyAlignment="1">
      <alignment vertical="center"/>
    </xf>
    <xf numFmtId="0" fontId="8" fillId="0" borderId="0" xfId="0" applyFont="1" applyAlignment="1">
      <alignment vertical="center" wrapText="1"/>
    </xf>
    <xf numFmtId="49" fontId="23" fillId="0" borderId="0" xfId="0" applyNumberFormat="1" applyFont="1" applyAlignment="1" applyProtection="1">
      <alignment vertical="center"/>
      <protection locked="0"/>
    </xf>
    <xf numFmtId="49" fontId="11" fillId="0" borderId="0" xfId="0" applyNumberFormat="1" applyFont="1" applyAlignment="1" applyProtection="1">
      <alignment vertical="center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41" fontId="21" fillId="4" borderId="6" xfId="0" applyNumberFormat="1" applyFont="1" applyFill="1" applyBorder="1" applyAlignment="1">
      <alignment vertical="center"/>
    </xf>
    <xf numFmtId="183" fontId="21" fillId="4" borderId="6" xfId="0" applyNumberFormat="1" applyFont="1" applyFill="1" applyBorder="1" applyAlignment="1">
      <alignment vertical="center"/>
    </xf>
    <xf numFmtId="0" fontId="19" fillId="4" borderId="6" xfId="0" applyFont="1" applyFill="1" applyBorder="1" applyAlignment="1">
      <alignment horizontal="right" vertical="center"/>
    </xf>
    <xf numFmtId="0" fontId="11" fillId="0" borderId="2" xfId="0" applyFont="1" applyBorder="1" applyAlignment="1">
      <alignment horizontal="distributed" vertical="center" indent="2"/>
    </xf>
    <xf numFmtId="176" fontId="11" fillId="0" borderId="0" xfId="0" applyNumberFormat="1" applyFont="1" applyAlignment="1" applyProtection="1">
      <alignment horizontal="right" vertical="center"/>
      <protection locked="0"/>
    </xf>
    <xf numFmtId="178" fontId="19" fillId="0" borderId="0" xfId="0" applyNumberFormat="1" applyFont="1" applyAlignment="1">
      <alignment horizontal="right" vertical="center"/>
    </xf>
    <xf numFmtId="182" fontId="11" fillId="0" borderId="0" xfId="0" applyNumberFormat="1" applyFont="1" applyAlignment="1">
      <alignment horizontal="right" vertical="center" indent="1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0" borderId="5" xfId="0" applyFont="1" applyBorder="1" applyAlignment="1">
      <alignment horizontal="left" vertical="center"/>
    </xf>
    <xf numFmtId="0" fontId="19" fillId="0" borderId="13" xfId="0" applyFont="1" applyBorder="1" applyAlignment="1">
      <alignment horizontal="center" vertical="center"/>
    </xf>
    <xf numFmtId="0" fontId="25" fillId="0" borderId="2" xfId="0" applyFont="1" applyBorder="1" applyAlignment="1">
      <alignment horizontal="distributed" vertical="center" indent="1"/>
    </xf>
    <xf numFmtId="0" fontId="19" fillId="0" borderId="0" xfId="0" applyFont="1" applyAlignment="1">
      <alignment horizontal="distributed" vertical="center" indent="1"/>
    </xf>
    <xf numFmtId="0" fontId="24" fillId="0" borderId="2" xfId="3" applyFont="1" applyBorder="1">
      <alignment vertical="center"/>
    </xf>
    <xf numFmtId="0" fontId="24" fillId="0" borderId="13" xfId="3" applyFont="1" applyBorder="1">
      <alignment vertical="center"/>
    </xf>
    <xf numFmtId="0" fontId="24" fillId="0" borderId="0" xfId="0" applyFont="1" applyAlignment="1">
      <alignment vertical="center"/>
    </xf>
    <xf numFmtId="0" fontId="24" fillId="0" borderId="19" xfId="0" applyFont="1" applyBorder="1" applyAlignment="1">
      <alignment vertical="center"/>
    </xf>
    <xf numFmtId="178" fontId="19" fillId="0" borderId="17" xfId="0" applyNumberFormat="1" applyFont="1" applyBorder="1" applyAlignment="1">
      <alignment horizontal="right" vertical="center"/>
    </xf>
    <xf numFmtId="0" fontId="24" fillId="0" borderId="2" xfId="3" applyFont="1" applyBorder="1" applyAlignment="1">
      <alignment horizontal="distributed" vertical="center" indent="1"/>
    </xf>
    <xf numFmtId="0" fontId="19" fillId="0" borderId="0" xfId="0" applyFont="1" applyAlignment="1">
      <alignment vertical="center"/>
    </xf>
    <xf numFmtId="0" fontId="19" fillId="0" borderId="5" xfId="0" applyFont="1" applyBorder="1" applyAlignment="1">
      <alignment vertical="center"/>
    </xf>
    <xf numFmtId="0" fontId="25" fillId="0" borderId="0" xfId="0" applyFont="1" applyAlignment="1">
      <alignment vertical="center"/>
    </xf>
    <xf numFmtId="0" fontId="24" fillId="0" borderId="0" xfId="3" applyFont="1" applyAlignment="1">
      <alignment horizontal="distributed" vertical="center" indent="1"/>
    </xf>
    <xf numFmtId="0" fontId="24" fillId="0" borderId="3" xfId="3" applyFont="1" applyBorder="1" applyAlignment="1">
      <alignment horizontal="distributed" vertical="center" indent="1"/>
    </xf>
    <xf numFmtId="0" fontId="19" fillId="0" borderId="1" xfId="0" applyFont="1" applyBorder="1" applyAlignment="1">
      <alignment vertical="center"/>
    </xf>
    <xf numFmtId="0" fontId="24" fillId="0" borderId="14" xfId="3" applyFont="1" applyBorder="1">
      <alignment vertical="center"/>
    </xf>
    <xf numFmtId="0" fontId="19" fillId="0" borderId="15" xfId="0" applyFont="1" applyBorder="1" applyAlignment="1">
      <alignment vertical="center"/>
    </xf>
    <xf numFmtId="178" fontId="6" fillId="0" borderId="0" xfId="0" applyNumberFormat="1" applyFont="1" applyAlignment="1">
      <alignment horizontal="right" vertical="center"/>
    </xf>
    <xf numFmtId="178" fontId="5" fillId="0" borderId="0" xfId="0" applyNumberFormat="1" applyFont="1" applyAlignment="1">
      <alignment horizontal="left" vertical="center"/>
    </xf>
    <xf numFmtId="178" fontId="4" fillId="0" borderId="0" xfId="0" applyNumberFormat="1" applyFont="1" applyAlignment="1">
      <alignment horizontal="left" vertical="center"/>
    </xf>
    <xf numFmtId="178" fontId="4" fillId="0" borderId="0" xfId="0" applyNumberFormat="1" applyFont="1" applyAlignment="1">
      <alignment vertical="center"/>
    </xf>
    <xf numFmtId="178" fontId="8" fillId="0" borderId="0" xfId="0" applyNumberFormat="1" applyFont="1" applyAlignment="1">
      <alignment vertical="center"/>
    </xf>
    <xf numFmtId="0" fontId="21" fillId="0" borderId="0" xfId="0" applyFont="1" applyAlignment="1">
      <alignment horizontal="distributed" vertical="center" indent="1"/>
    </xf>
    <xf numFmtId="178" fontId="19" fillId="0" borderId="13" xfId="0" applyNumberFormat="1" applyFont="1" applyBorder="1" applyAlignment="1">
      <alignment horizontal="right" vertical="center"/>
    </xf>
    <xf numFmtId="0" fontId="4" fillId="0" borderId="17" xfId="0" applyFont="1" applyBorder="1" applyAlignment="1">
      <alignment vertical="center"/>
    </xf>
    <xf numFmtId="0" fontId="13" fillId="0" borderId="13" xfId="4" applyFont="1" applyBorder="1">
      <alignment vertical="center"/>
    </xf>
    <xf numFmtId="0" fontId="13" fillId="0" borderId="17" xfId="4" applyFont="1" applyBorder="1">
      <alignment vertical="center"/>
    </xf>
    <xf numFmtId="0" fontId="24" fillId="0" borderId="29" xfId="3" applyFont="1" applyBorder="1">
      <alignment vertical="center"/>
    </xf>
    <xf numFmtId="183" fontId="11" fillId="0" borderId="0" xfId="0" applyNumberFormat="1" applyFont="1" applyAlignment="1" applyProtection="1">
      <alignment horizontal="right" vertical="center" indent="2"/>
      <protection locked="0"/>
    </xf>
    <xf numFmtId="0" fontId="22" fillId="4" borderId="2" xfId="0" applyFont="1" applyFill="1" applyBorder="1" applyAlignment="1">
      <alignment horizontal="distributed" vertical="center" indent="1"/>
    </xf>
    <xf numFmtId="0" fontId="22" fillId="4" borderId="0" xfId="0" applyFont="1" applyFill="1" applyAlignment="1">
      <alignment horizontal="distributed" vertical="center" indent="1"/>
    </xf>
    <xf numFmtId="0" fontId="22" fillId="4" borderId="5" xfId="0" applyFont="1" applyFill="1" applyBorder="1" applyAlignment="1">
      <alignment horizontal="distributed" vertical="center" indent="1"/>
    </xf>
    <xf numFmtId="41" fontId="6" fillId="0" borderId="13" xfId="0" applyNumberFormat="1" applyFont="1" applyBorder="1" applyAlignment="1">
      <alignment horizontal="right" vertical="center"/>
    </xf>
    <xf numFmtId="41" fontId="6" fillId="0" borderId="0" xfId="0" applyNumberFormat="1" applyFont="1" applyAlignment="1">
      <alignment horizontal="right" vertical="center"/>
    </xf>
    <xf numFmtId="183" fontId="6" fillId="0" borderId="0" xfId="0" applyNumberFormat="1" applyFont="1" applyAlignment="1">
      <alignment horizontal="right" vertical="center" indent="2"/>
    </xf>
    <xf numFmtId="41" fontId="21" fillId="4" borderId="0" xfId="0" applyNumberFormat="1" applyFont="1" applyFill="1" applyAlignment="1">
      <alignment horizontal="right" vertical="center"/>
    </xf>
    <xf numFmtId="183" fontId="21" fillId="4" borderId="0" xfId="0" applyNumberFormat="1" applyFont="1" applyFill="1" applyAlignment="1">
      <alignment horizontal="right" vertical="center" indent="2"/>
    </xf>
    <xf numFmtId="183" fontId="21" fillId="4" borderId="17" xfId="0" applyNumberFormat="1" applyFont="1" applyFill="1" applyBorder="1" applyAlignment="1">
      <alignment horizontal="right" vertical="center" indent="2"/>
    </xf>
    <xf numFmtId="0" fontId="19" fillId="0" borderId="0" xfId="0" applyFont="1" applyAlignment="1">
      <alignment horizontal="distributed" vertical="center" indent="1"/>
    </xf>
    <xf numFmtId="0" fontId="19" fillId="0" borderId="5" xfId="0" applyFont="1" applyBorder="1" applyAlignment="1">
      <alignment horizontal="distributed" vertical="center" indent="1"/>
    </xf>
    <xf numFmtId="183" fontId="11" fillId="4" borderId="0" xfId="0" applyNumberFormat="1" applyFont="1" applyFill="1" applyAlignment="1">
      <alignment horizontal="right" vertical="center" indent="2"/>
    </xf>
    <xf numFmtId="183" fontId="11" fillId="4" borderId="17" xfId="0" applyNumberFormat="1" applyFont="1" applyFill="1" applyBorder="1" applyAlignment="1">
      <alignment horizontal="right" vertical="center" indent="2"/>
    </xf>
    <xf numFmtId="178" fontId="21" fillId="0" borderId="13" xfId="0" applyNumberFormat="1" applyFont="1" applyBorder="1" applyAlignment="1">
      <alignment horizontal="right" vertical="center"/>
    </xf>
    <xf numFmtId="178" fontId="21" fillId="0" borderId="0" xfId="0" applyNumberFormat="1" applyFont="1" applyAlignment="1">
      <alignment horizontal="right" vertical="center"/>
    </xf>
    <xf numFmtId="178" fontId="21" fillId="0" borderId="5" xfId="0" applyNumberFormat="1" applyFont="1" applyBorder="1" applyAlignment="1">
      <alignment horizontal="right" vertical="center"/>
    </xf>
    <xf numFmtId="42" fontId="6" fillId="0" borderId="1" xfId="0" applyNumberFormat="1" applyFont="1" applyBorder="1" applyAlignment="1">
      <alignment horizontal="right" vertical="center"/>
    </xf>
    <xf numFmtId="189" fontId="11" fillId="0" borderId="6" xfId="0" applyNumberFormat="1" applyFont="1" applyBorder="1" applyAlignment="1">
      <alignment horizontal="center" vertical="center"/>
    </xf>
    <xf numFmtId="189" fontId="11" fillId="0" borderId="21" xfId="0" applyNumberFormat="1" applyFont="1" applyBorder="1" applyAlignment="1">
      <alignment horizontal="center" vertical="center"/>
    </xf>
    <xf numFmtId="189" fontId="11" fillId="0" borderId="18" xfId="0" applyNumberFormat="1" applyFont="1" applyBorder="1" applyAlignment="1">
      <alignment horizontal="center" vertical="center"/>
    </xf>
    <xf numFmtId="189" fontId="11" fillId="0" borderId="22" xfId="0" applyNumberFormat="1" applyFont="1" applyBorder="1" applyAlignment="1">
      <alignment horizontal="center" vertical="center"/>
    </xf>
    <xf numFmtId="41" fontId="11" fillId="4" borderId="0" xfId="0" applyNumberFormat="1" applyFont="1" applyFill="1" applyAlignment="1">
      <alignment horizontal="right" vertical="center"/>
    </xf>
    <xf numFmtId="179" fontId="11" fillId="0" borderId="1" xfId="4" applyNumberFormat="1" applyFont="1" applyBorder="1" applyAlignment="1" applyProtection="1">
      <alignment horizontal="right" vertical="center"/>
      <protection locked="0"/>
    </xf>
    <xf numFmtId="179" fontId="11" fillId="0" borderId="16" xfId="4" applyNumberFormat="1" applyFont="1" applyBorder="1" applyAlignment="1" applyProtection="1">
      <alignment horizontal="right" vertical="center"/>
      <protection locked="0"/>
    </xf>
    <xf numFmtId="179" fontId="6" fillId="0" borderId="0" xfId="4" applyNumberFormat="1" applyFont="1" applyAlignment="1">
      <alignment horizontal="right" vertical="center"/>
    </xf>
    <xf numFmtId="179" fontId="6" fillId="0" borderId="17" xfId="4" applyNumberFormat="1" applyFont="1" applyBorder="1" applyAlignment="1">
      <alignment horizontal="right" vertical="center"/>
    </xf>
    <xf numFmtId="181" fontId="6" fillId="0" borderId="0" xfId="1" applyNumberFormat="1" applyFont="1" applyFill="1" applyBorder="1" applyAlignment="1" applyProtection="1">
      <alignment vertical="center"/>
      <protection locked="0"/>
    </xf>
    <xf numFmtId="181" fontId="6" fillId="0" borderId="17" xfId="1" applyNumberFormat="1" applyFont="1" applyFill="1" applyBorder="1" applyAlignment="1" applyProtection="1">
      <alignment vertical="center"/>
      <protection locked="0"/>
    </xf>
    <xf numFmtId="181" fontId="11" fillId="0" borderId="1" xfId="1" applyNumberFormat="1" applyFont="1" applyFill="1" applyBorder="1" applyAlignment="1" applyProtection="1">
      <alignment vertical="center"/>
      <protection locked="0"/>
    </xf>
    <xf numFmtId="0" fontId="6" fillId="0" borderId="31" xfId="4" applyFont="1" applyBorder="1" applyAlignment="1">
      <alignment horizontal="distributed" vertical="center" justifyLastLine="1"/>
    </xf>
    <xf numFmtId="0" fontId="6" fillId="0" borderId="32" xfId="4" applyFont="1" applyBorder="1" applyAlignment="1">
      <alignment horizontal="distributed" vertical="center" justifyLastLine="1"/>
    </xf>
    <xf numFmtId="0" fontId="6" fillId="0" borderId="2" xfId="0" applyFont="1" applyBorder="1" applyAlignment="1">
      <alignment horizontal="distributed" vertical="center" indent="1" shrinkToFit="1"/>
    </xf>
    <xf numFmtId="0" fontId="6" fillId="0" borderId="0" xfId="0" applyFont="1" applyAlignment="1">
      <alignment horizontal="distributed" vertical="center" indent="1" shrinkToFit="1"/>
    </xf>
    <xf numFmtId="0" fontId="6" fillId="0" borderId="5" xfId="0" applyFont="1" applyBorder="1" applyAlignment="1">
      <alignment horizontal="distributed" vertical="center" indent="1" shrinkToFit="1"/>
    </xf>
    <xf numFmtId="183" fontId="11" fillId="0" borderId="17" xfId="0" applyNumberFormat="1" applyFont="1" applyBorder="1" applyAlignment="1" applyProtection="1">
      <alignment horizontal="right" vertical="center" indent="2"/>
      <protection locked="0"/>
    </xf>
    <xf numFmtId="183" fontId="6" fillId="0" borderId="0" xfId="0" applyNumberFormat="1" applyFont="1" applyAlignment="1" applyProtection="1">
      <alignment horizontal="right" vertical="center" indent="2"/>
      <protection locked="0"/>
    </xf>
    <xf numFmtId="42" fontId="11" fillId="0" borderId="0" xfId="0" applyNumberFormat="1" applyFont="1" applyAlignment="1" applyProtection="1">
      <alignment horizontal="right" vertical="center"/>
      <protection locked="0"/>
    </xf>
    <xf numFmtId="176" fontId="11" fillId="0" borderId="0" xfId="0" applyNumberFormat="1" applyFont="1" applyAlignment="1" applyProtection="1">
      <alignment horizontal="right" vertical="center"/>
      <protection locked="0"/>
    </xf>
    <xf numFmtId="42" fontId="6" fillId="0" borderId="0" xfId="0" applyNumberFormat="1" applyFont="1" applyAlignment="1" applyProtection="1">
      <alignment horizontal="right" vertical="center"/>
      <protection locked="0"/>
    </xf>
    <xf numFmtId="49" fontId="6" fillId="0" borderId="0" xfId="0" applyNumberFormat="1" applyFont="1" applyAlignment="1" applyProtection="1">
      <alignment horizontal="right" vertical="center" indent="2"/>
      <protection locked="0"/>
    </xf>
    <xf numFmtId="177" fontId="6" fillId="0" borderId="0" xfId="0" applyNumberFormat="1" applyFont="1" applyAlignment="1" applyProtection="1">
      <alignment horizontal="right" vertical="center"/>
      <protection locked="0"/>
    </xf>
    <xf numFmtId="0" fontId="19" fillId="0" borderId="0" xfId="0" applyFont="1" applyAlignment="1">
      <alignment horizontal="center" vertical="center"/>
    </xf>
    <xf numFmtId="0" fontId="6" fillId="0" borderId="30" xfId="0" applyFont="1" applyBorder="1" applyAlignment="1">
      <alignment horizontal="distributed" vertical="center" justifyLastLine="1"/>
    </xf>
    <xf numFmtId="0" fontId="6" fillId="0" borderId="31" xfId="0" applyFont="1" applyBorder="1" applyAlignment="1">
      <alignment horizontal="distributed" vertical="center" justifyLastLine="1"/>
    </xf>
    <xf numFmtId="0" fontId="6" fillId="0" borderId="32" xfId="0" applyFont="1" applyBorder="1" applyAlignment="1">
      <alignment horizontal="distributed" vertical="center" justifyLastLine="1"/>
    </xf>
    <xf numFmtId="0" fontId="19" fillId="0" borderId="0" xfId="0" applyFont="1" applyAlignment="1">
      <alignment horizontal="left" vertical="center"/>
    </xf>
    <xf numFmtId="0" fontId="19" fillId="0" borderId="5" xfId="0" applyFont="1" applyBorder="1" applyAlignment="1">
      <alignment horizontal="left" vertical="center"/>
    </xf>
    <xf numFmtId="0" fontId="19" fillId="0" borderId="5" xfId="0" applyFont="1" applyBorder="1" applyAlignment="1">
      <alignment horizontal="center" vertical="center"/>
    </xf>
    <xf numFmtId="0" fontId="19" fillId="0" borderId="13" xfId="0" applyFont="1" applyBorder="1" applyAlignment="1">
      <alignment horizontal="center" vertical="center"/>
    </xf>
    <xf numFmtId="0" fontId="19" fillId="0" borderId="17" xfId="0" applyFont="1" applyBorder="1" applyAlignment="1">
      <alignment horizontal="center" vertical="center"/>
    </xf>
    <xf numFmtId="0" fontId="19" fillId="0" borderId="2" xfId="0" applyFont="1" applyBorder="1" applyAlignment="1">
      <alignment horizontal="center" vertical="center"/>
    </xf>
    <xf numFmtId="176" fontId="6" fillId="0" borderId="0" xfId="0" applyNumberFormat="1" applyFont="1" applyAlignment="1" applyProtection="1">
      <alignment horizontal="right" vertical="center"/>
      <protection locked="0"/>
    </xf>
    <xf numFmtId="191" fontId="6" fillId="0" borderId="0" xfId="0" applyNumberFormat="1" applyFont="1" applyAlignment="1" applyProtection="1">
      <alignment horizontal="right" vertical="center"/>
      <protection locked="0"/>
    </xf>
    <xf numFmtId="176" fontId="19" fillId="0" borderId="0" xfId="4" applyNumberFormat="1" applyFont="1" applyAlignment="1" applyProtection="1">
      <alignment horizontal="right" vertical="center"/>
      <protection locked="0"/>
    </xf>
    <xf numFmtId="0" fontId="19" fillId="0" borderId="0" xfId="0" applyFont="1" applyAlignment="1">
      <alignment horizontal="left" vertical="center" wrapText="1"/>
    </xf>
    <xf numFmtId="0" fontId="19" fillId="0" borderId="5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distributed" vertical="center" wrapText="1" indent="1"/>
    </xf>
    <xf numFmtId="0" fontId="8" fillId="0" borderId="0" xfId="0" applyFont="1" applyAlignment="1">
      <alignment horizontal="distributed" vertical="center" indent="1"/>
    </xf>
    <xf numFmtId="0" fontId="8" fillId="0" borderId="5" xfId="0" applyFont="1" applyBorder="1" applyAlignment="1">
      <alignment horizontal="distributed" vertical="center" indent="1"/>
    </xf>
    <xf numFmtId="42" fontId="6" fillId="0" borderId="0" xfId="0" applyNumberFormat="1" applyFont="1" applyAlignment="1">
      <alignment horizontal="right" vertical="center"/>
    </xf>
    <xf numFmtId="177" fontId="11" fillId="4" borderId="0" xfId="0" applyNumberFormat="1" applyFont="1" applyFill="1" applyAlignment="1" applyProtection="1">
      <alignment horizontal="right" vertical="center"/>
      <protection locked="0"/>
    </xf>
    <xf numFmtId="183" fontId="11" fillId="0" borderId="0" xfId="0" applyNumberFormat="1" applyFont="1" applyAlignment="1">
      <alignment horizontal="right" vertical="center" indent="2"/>
    </xf>
    <xf numFmtId="183" fontId="11" fillId="0" borderId="17" xfId="0" applyNumberFormat="1" applyFont="1" applyBorder="1" applyAlignment="1">
      <alignment horizontal="right" vertical="center" indent="2"/>
    </xf>
    <xf numFmtId="188" fontId="6" fillId="4" borderId="0" xfId="0" applyNumberFormat="1" applyFont="1" applyFill="1" applyAlignment="1" applyProtection="1">
      <alignment horizontal="right" vertical="center" shrinkToFit="1"/>
      <protection locked="0"/>
    </xf>
    <xf numFmtId="188" fontId="10" fillId="4" borderId="0" xfId="0" applyNumberFormat="1" applyFont="1" applyFill="1" applyAlignment="1" applyProtection="1">
      <alignment horizontal="right" vertical="center" shrinkToFit="1"/>
      <protection locked="0"/>
    </xf>
    <xf numFmtId="188" fontId="10" fillId="4" borderId="17" xfId="0" applyNumberFormat="1" applyFont="1" applyFill="1" applyBorder="1" applyAlignment="1" applyProtection="1">
      <alignment horizontal="right" vertical="center" shrinkToFit="1"/>
      <protection locked="0"/>
    </xf>
    <xf numFmtId="0" fontId="12" fillId="0" borderId="47" xfId="0" applyFont="1" applyBorder="1" applyAlignment="1">
      <alignment horizontal="distributed" vertical="center" wrapText="1" indent="1"/>
    </xf>
    <xf numFmtId="0" fontId="12" fillId="0" borderId="47" xfId="0" applyFont="1" applyBorder="1" applyAlignment="1">
      <alignment horizontal="distributed" vertical="center" indent="1"/>
    </xf>
    <xf numFmtId="178" fontId="6" fillId="4" borderId="0" xfId="0" applyNumberFormat="1" applyFont="1" applyFill="1" applyAlignment="1" applyProtection="1">
      <alignment horizontal="right" vertical="center" shrinkToFit="1"/>
      <protection locked="0"/>
    </xf>
    <xf numFmtId="176" fontId="11" fillId="0" borderId="0" xfId="0" applyNumberFormat="1" applyFont="1" applyAlignment="1">
      <alignment horizontal="right" vertical="center"/>
    </xf>
    <xf numFmtId="41" fontId="11" fillId="0" borderId="0" xfId="0" applyNumberFormat="1" applyFont="1" applyAlignment="1" applyProtection="1">
      <alignment horizontal="right" vertical="center"/>
      <protection locked="0"/>
    </xf>
    <xf numFmtId="0" fontId="6" fillId="0" borderId="4" xfId="0" applyFont="1" applyBorder="1" applyAlignment="1">
      <alignment horizontal="distributed" vertical="center" indent="1" shrinkToFit="1"/>
    </xf>
    <xf numFmtId="0" fontId="6" fillId="0" borderId="7" xfId="0" applyFont="1" applyBorder="1" applyAlignment="1">
      <alignment horizontal="distributed" vertical="center" indent="1" shrinkToFit="1"/>
    </xf>
    <xf numFmtId="0" fontId="6" fillId="0" borderId="8" xfId="0" applyFont="1" applyBorder="1" applyAlignment="1">
      <alignment horizontal="distributed" vertical="center" indent="1" shrinkToFit="1"/>
    </xf>
    <xf numFmtId="176" fontId="6" fillId="0" borderId="0" xfId="0" applyNumberFormat="1" applyFont="1" applyAlignment="1">
      <alignment horizontal="right" vertical="center"/>
    </xf>
    <xf numFmtId="176" fontId="11" fillId="0" borderId="1" xfId="0" applyNumberFormat="1" applyFont="1" applyBorder="1" applyAlignment="1">
      <alignment vertical="center"/>
    </xf>
    <xf numFmtId="176" fontId="6" fillId="0" borderId="0" xfId="0" applyNumberFormat="1" applyFont="1" applyAlignment="1">
      <alignment vertical="center"/>
    </xf>
    <xf numFmtId="176" fontId="6" fillId="0" borderId="7" xfId="0" applyNumberFormat="1" applyFont="1" applyBorder="1" applyAlignment="1">
      <alignment vertical="center"/>
    </xf>
    <xf numFmtId="41" fontId="11" fillId="0" borderId="1" xfId="0" applyNumberFormat="1" applyFont="1" applyBorder="1" applyAlignment="1" applyProtection="1">
      <alignment horizontal="right" vertical="center"/>
      <protection locked="0"/>
    </xf>
    <xf numFmtId="0" fontId="6" fillId="0" borderId="24" xfId="0" applyFont="1" applyBorder="1" applyAlignment="1">
      <alignment horizontal="distributed" vertical="center" indent="2"/>
    </xf>
    <xf numFmtId="0" fontId="6" fillId="0" borderId="25" xfId="0" applyFont="1" applyBorder="1" applyAlignment="1">
      <alignment horizontal="distributed" vertical="center" indent="2"/>
    </xf>
    <xf numFmtId="0" fontId="6" fillId="0" borderId="34" xfId="0" applyFont="1" applyBorder="1" applyAlignment="1">
      <alignment horizontal="distributed" vertical="center" indent="2"/>
    </xf>
    <xf numFmtId="0" fontId="6" fillId="0" borderId="33" xfId="0" applyFont="1" applyBorder="1" applyAlignment="1">
      <alignment horizontal="distributed" vertical="center" justifyLastLine="1"/>
    </xf>
    <xf numFmtId="176" fontId="6" fillId="0" borderId="17" xfId="0" applyNumberFormat="1" applyFont="1" applyBorder="1" applyAlignment="1" applyProtection="1">
      <alignment horizontal="right" vertical="center"/>
      <protection locked="0"/>
    </xf>
    <xf numFmtId="0" fontId="19" fillId="0" borderId="0" xfId="0" applyFont="1" applyAlignment="1">
      <alignment horizontal="center" vertical="center" wrapText="1"/>
    </xf>
    <xf numFmtId="41" fontId="6" fillId="0" borderId="13" xfId="0" applyNumberFormat="1" applyFont="1" applyBorder="1" applyAlignment="1" applyProtection="1">
      <alignment horizontal="right" vertical="center"/>
      <protection locked="0"/>
    </xf>
    <xf numFmtId="41" fontId="6" fillId="0" borderId="0" xfId="0" applyNumberFormat="1" applyFont="1" applyAlignment="1" applyProtection="1">
      <alignment horizontal="right" vertical="center"/>
      <protection locked="0"/>
    </xf>
    <xf numFmtId="0" fontId="19" fillId="0" borderId="0" xfId="0" applyFont="1" applyAlignment="1">
      <alignment horizontal="left" vertical="center" shrinkToFit="1"/>
    </xf>
    <xf numFmtId="0" fontId="19" fillId="0" borderId="5" xfId="0" applyFont="1" applyBorder="1" applyAlignment="1">
      <alignment horizontal="left" vertical="center" shrinkToFit="1"/>
    </xf>
    <xf numFmtId="57" fontId="19" fillId="0" borderId="13" xfId="0" applyNumberFormat="1" applyFont="1" applyBorder="1" applyAlignment="1">
      <alignment horizontal="center" vertical="center"/>
    </xf>
    <xf numFmtId="0" fontId="6" fillId="0" borderId="3" xfId="0" applyFont="1" applyBorder="1" applyAlignment="1">
      <alignment horizontal="distributed" vertical="center" indent="1" shrinkToFit="1"/>
    </xf>
    <xf numFmtId="0" fontId="6" fillId="0" borderId="1" xfId="0" applyFont="1" applyBorder="1" applyAlignment="1">
      <alignment horizontal="distributed" vertical="center" indent="1" shrinkToFit="1"/>
    </xf>
    <xf numFmtId="0" fontId="6" fillId="0" borderId="15" xfId="0" applyFont="1" applyBorder="1" applyAlignment="1">
      <alignment horizontal="distributed" vertical="center" indent="1" shrinkToFit="1"/>
    </xf>
    <xf numFmtId="189" fontId="6" fillId="0" borderId="20" xfId="0" applyNumberFormat="1" applyFont="1" applyBorder="1" applyAlignment="1">
      <alignment horizontal="center" vertical="center"/>
    </xf>
    <xf numFmtId="189" fontId="6" fillId="0" borderId="6" xfId="0" applyNumberFormat="1" applyFont="1" applyBorder="1" applyAlignment="1">
      <alignment horizontal="center" vertical="center"/>
    </xf>
    <xf numFmtId="189" fontId="6" fillId="0" borderId="27" xfId="0" applyNumberFormat="1" applyFont="1" applyBorder="1" applyAlignment="1">
      <alignment horizontal="center" vertical="center"/>
    </xf>
    <xf numFmtId="189" fontId="6" fillId="0" borderId="19" xfId="0" applyNumberFormat="1" applyFont="1" applyBorder="1" applyAlignment="1">
      <alignment horizontal="center" vertical="center"/>
    </xf>
    <xf numFmtId="189" fontId="6" fillId="0" borderId="18" xfId="0" applyNumberFormat="1" applyFont="1" applyBorder="1" applyAlignment="1">
      <alignment horizontal="center" vertical="center"/>
    </xf>
    <xf numFmtId="189" fontId="6" fillId="0" borderId="28" xfId="0" applyNumberFormat="1" applyFont="1" applyBorder="1" applyAlignment="1">
      <alignment horizontal="center" vertical="center"/>
    </xf>
    <xf numFmtId="176" fontId="11" fillId="0" borderId="17" xfId="0" applyNumberFormat="1" applyFont="1" applyBorder="1" applyAlignment="1">
      <alignment horizontal="right" vertical="center"/>
    </xf>
    <xf numFmtId="176" fontId="6" fillId="0" borderId="17" xfId="0" applyNumberFormat="1" applyFont="1" applyBorder="1" applyAlignment="1">
      <alignment horizontal="right" vertical="center"/>
    </xf>
    <xf numFmtId="176" fontId="6" fillId="0" borderId="23" xfId="0" applyNumberFormat="1" applyFont="1" applyBorder="1" applyAlignment="1">
      <alignment vertical="center"/>
    </xf>
    <xf numFmtId="178" fontId="6" fillId="4" borderId="0" xfId="0" applyNumberFormat="1" applyFont="1" applyFill="1" applyAlignment="1" applyProtection="1">
      <alignment horizontal="right" vertical="center"/>
      <protection locked="0"/>
    </xf>
    <xf numFmtId="178" fontId="6" fillId="4" borderId="17" xfId="0" applyNumberFormat="1" applyFont="1" applyFill="1" applyBorder="1" applyAlignment="1" applyProtection="1">
      <alignment horizontal="right" vertical="center"/>
      <protection locked="0"/>
    </xf>
    <xf numFmtId="0" fontId="6" fillId="0" borderId="45" xfId="0" applyFont="1" applyBorder="1" applyAlignment="1">
      <alignment horizontal="center" vertical="center" wrapText="1"/>
    </xf>
    <xf numFmtId="0" fontId="6" fillId="0" borderId="39" xfId="0" applyFont="1" applyBorder="1" applyAlignment="1">
      <alignment horizontal="center" vertical="center" wrapText="1"/>
    </xf>
    <xf numFmtId="0" fontId="6" fillId="0" borderId="33" xfId="0" applyFont="1" applyBorder="1" applyAlignment="1">
      <alignment horizontal="center" vertical="center" wrapText="1"/>
    </xf>
    <xf numFmtId="0" fontId="6" fillId="0" borderId="42" xfId="0" applyFont="1" applyBorder="1" applyAlignment="1">
      <alignment horizontal="center" vertical="center" wrapText="1"/>
    </xf>
    <xf numFmtId="188" fontId="11" fillId="0" borderId="7" xfId="0" applyNumberFormat="1" applyFont="1" applyBorder="1" applyAlignment="1">
      <alignment horizontal="right" vertical="center"/>
    </xf>
    <xf numFmtId="188" fontId="11" fillId="0" borderId="23" xfId="0" applyNumberFormat="1" applyFont="1" applyBorder="1" applyAlignment="1">
      <alignment horizontal="right" vertical="center"/>
    </xf>
    <xf numFmtId="176" fontId="6" fillId="0" borderId="7" xfId="0" applyNumberFormat="1" applyFont="1" applyBorder="1" applyAlignment="1">
      <alignment horizontal="right" vertical="center"/>
    </xf>
    <xf numFmtId="0" fontId="6" fillId="0" borderId="50" xfId="0" applyFont="1" applyBorder="1" applyAlignment="1">
      <alignment horizontal="center" vertical="center" wrapText="1"/>
    </xf>
    <xf numFmtId="0" fontId="6" fillId="0" borderId="47" xfId="0" applyFont="1" applyBorder="1" applyAlignment="1">
      <alignment horizontal="center" vertical="center" wrapText="1"/>
    </xf>
    <xf numFmtId="0" fontId="6" fillId="0" borderId="32" xfId="0" applyFont="1" applyBorder="1" applyAlignment="1">
      <alignment horizontal="center" vertical="center"/>
    </xf>
    <xf numFmtId="0" fontId="6" fillId="0" borderId="50" xfId="0" applyFont="1" applyBorder="1"/>
    <xf numFmtId="0" fontId="6" fillId="0" borderId="40" xfId="0" applyFont="1" applyBorder="1"/>
    <xf numFmtId="0" fontId="6" fillId="0" borderId="50" xfId="0" applyFont="1" applyBorder="1" applyAlignment="1">
      <alignment horizontal="center" vertical="center"/>
    </xf>
    <xf numFmtId="0" fontId="6" fillId="0" borderId="47" xfId="0" applyFont="1" applyBorder="1" applyAlignment="1">
      <alignment horizontal="center" vertical="center"/>
    </xf>
    <xf numFmtId="176" fontId="11" fillId="0" borderId="7" xfId="0" applyNumberFormat="1" applyFont="1" applyBorder="1" applyAlignment="1">
      <alignment horizontal="right" vertical="center"/>
    </xf>
    <xf numFmtId="176" fontId="11" fillId="0" borderId="23" xfId="0" applyNumberFormat="1" applyFont="1" applyBorder="1" applyAlignment="1">
      <alignment horizontal="right" vertical="center"/>
    </xf>
    <xf numFmtId="176" fontId="11" fillId="0" borderId="1" xfId="0" applyNumberFormat="1" applyFont="1" applyBorder="1" applyAlignment="1">
      <alignment horizontal="right" vertical="center"/>
    </xf>
    <xf numFmtId="176" fontId="11" fillId="0" borderId="16" xfId="0" applyNumberFormat="1" applyFont="1" applyBorder="1" applyAlignment="1">
      <alignment horizontal="right" vertical="center"/>
    </xf>
    <xf numFmtId="176" fontId="6" fillId="0" borderId="1" xfId="0" applyNumberFormat="1" applyFont="1" applyBorder="1" applyAlignment="1">
      <alignment horizontal="right" vertical="center"/>
    </xf>
    <xf numFmtId="178" fontId="11" fillId="0" borderId="7" xfId="0" applyNumberFormat="1" applyFont="1" applyBorder="1" applyAlignment="1">
      <alignment horizontal="right" vertical="center"/>
    </xf>
    <xf numFmtId="178" fontId="11" fillId="0" borderId="23" xfId="0" applyNumberFormat="1" applyFont="1" applyBorder="1" applyAlignment="1">
      <alignment horizontal="right" vertical="center"/>
    </xf>
    <xf numFmtId="0" fontId="6" fillId="0" borderId="0" xfId="0" applyFont="1" applyAlignment="1">
      <alignment horizontal="distributed" vertical="center" indent="1"/>
    </xf>
    <xf numFmtId="0" fontId="6" fillId="0" borderId="5" xfId="0" applyFont="1" applyBorder="1" applyAlignment="1">
      <alignment horizontal="distributed" vertical="center" indent="1"/>
    </xf>
    <xf numFmtId="176" fontId="6" fillId="0" borderId="13" xfId="0" applyNumberFormat="1" applyFont="1" applyBorder="1" applyAlignment="1">
      <alignment horizontal="right" vertical="center"/>
    </xf>
    <xf numFmtId="0" fontId="6" fillId="0" borderId="47" xfId="0" applyFont="1" applyBorder="1" applyAlignment="1">
      <alignment horizontal="distributed" vertical="center" indent="1"/>
    </xf>
    <xf numFmtId="0" fontId="6" fillId="0" borderId="73" xfId="0" applyFont="1" applyBorder="1" applyAlignment="1">
      <alignment horizontal="right" vertical="center"/>
    </xf>
    <xf numFmtId="0" fontId="6" fillId="0" borderId="74" xfId="0" applyFont="1" applyBorder="1" applyAlignment="1">
      <alignment horizontal="right" vertical="center"/>
    </xf>
    <xf numFmtId="0" fontId="6" fillId="0" borderId="1" xfId="0" applyFont="1" applyBorder="1" applyAlignment="1">
      <alignment horizontal="distributed" vertical="center" indent="1"/>
    </xf>
    <xf numFmtId="0" fontId="6" fillId="0" borderId="15" xfId="0" applyFont="1" applyBorder="1" applyAlignment="1">
      <alignment horizontal="distributed" vertical="center" indent="1"/>
    </xf>
    <xf numFmtId="0" fontId="6" fillId="0" borderId="47" xfId="0" applyFont="1" applyBorder="1" applyAlignment="1">
      <alignment horizontal="center" vertical="center" shrinkToFit="1"/>
    </xf>
    <xf numFmtId="0" fontId="11" fillId="0" borderId="4" xfId="0" applyFont="1" applyBorder="1" applyAlignment="1">
      <alignment horizontal="distributed" vertical="center" indent="2"/>
    </xf>
    <xf numFmtId="0" fontId="11" fillId="0" borderId="25" xfId="0" applyFont="1" applyBorder="1" applyAlignment="1">
      <alignment horizontal="distributed" vertical="center" indent="2"/>
    </xf>
    <xf numFmtId="0" fontId="11" fillId="0" borderId="26" xfId="0" applyFont="1" applyBorder="1" applyAlignment="1">
      <alignment horizontal="distributed" vertical="center" indent="2"/>
    </xf>
    <xf numFmtId="0" fontId="6" fillId="0" borderId="41" xfId="0" applyFont="1" applyBorder="1" applyAlignment="1">
      <alignment horizontal="distributed" vertical="center" justifyLastLine="1"/>
    </xf>
    <xf numFmtId="0" fontId="6" fillId="0" borderId="42" xfId="0" applyFont="1" applyBorder="1" applyAlignment="1">
      <alignment horizontal="distributed" vertical="center" justifyLastLine="1"/>
    </xf>
    <xf numFmtId="41" fontId="6" fillId="0" borderId="1" xfId="0" applyNumberFormat="1" applyFont="1" applyBorder="1" applyAlignment="1" applyProtection="1">
      <alignment horizontal="right" vertical="center"/>
      <protection locked="0"/>
    </xf>
    <xf numFmtId="177" fontId="11" fillId="0" borderId="0" xfId="0" applyNumberFormat="1" applyFont="1" applyAlignment="1" applyProtection="1">
      <alignment horizontal="right" vertical="center"/>
      <protection locked="0"/>
    </xf>
    <xf numFmtId="177" fontId="11" fillId="0" borderId="17" xfId="0" applyNumberFormat="1" applyFont="1" applyBorder="1" applyAlignment="1" applyProtection="1">
      <alignment horizontal="right" vertical="center"/>
      <protection locked="0"/>
    </xf>
    <xf numFmtId="176" fontId="11" fillId="0" borderId="1" xfId="0" applyNumberFormat="1" applyFont="1" applyBorder="1" applyAlignment="1" applyProtection="1">
      <alignment horizontal="right" vertical="center"/>
      <protection locked="0"/>
    </xf>
    <xf numFmtId="41" fontId="11" fillId="0" borderId="17" xfId="0" applyNumberFormat="1" applyFont="1" applyBorder="1" applyAlignment="1" applyProtection="1">
      <alignment horizontal="right" vertical="center"/>
      <protection locked="0"/>
    </xf>
    <xf numFmtId="0" fontId="19" fillId="0" borderId="1" xfId="0" applyFont="1" applyBorder="1" applyAlignment="1">
      <alignment horizontal="center" vertical="center"/>
    </xf>
    <xf numFmtId="183" fontId="6" fillId="0" borderId="1" xfId="0" applyNumberFormat="1" applyFont="1" applyBorder="1" applyAlignment="1">
      <alignment horizontal="right" vertical="center" indent="2"/>
    </xf>
    <xf numFmtId="176" fontId="6" fillId="0" borderId="13" xfId="0" applyNumberFormat="1" applyFont="1" applyBorder="1" applyAlignment="1" applyProtection="1">
      <alignment horizontal="right" vertical="center"/>
      <protection locked="0"/>
    </xf>
    <xf numFmtId="177" fontId="6" fillId="0" borderId="13" xfId="0" applyNumberFormat="1" applyFont="1" applyBorder="1" applyAlignment="1">
      <alignment horizontal="right" vertical="center"/>
    </xf>
    <xf numFmtId="177" fontId="6" fillId="0" borderId="0" xfId="0" applyNumberFormat="1" applyFont="1" applyAlignment="1">
      <alignment horizontal="right" vertical="center"/>
    </xf>
    <xf numFmtId="183" fontId="11" fillId="0" borderId="7" xfId="0" applyNumberFormat="1" applyFont="1" applyBorder="1" applyAlignment="1" applyProtection="1">
      <alignment horizontal="right" vertical="center" indent="2"/>
      <protection locked="0"/>
    </xf>
    <xf numFmtId="183" fontId="11" fillId="0" borderId="23" xfId="0" applyNumberFormat="1" applyFont="1" applyBorder="1" applyAlignment="1" applyProtection="1">
      <alignment horizontal="right" vertical="center" indent="2"/>
      <protection locked="0"/>
    </xf>
    <xf numFmtId="183" fontId="11" fillId="0" borderId="1" xfId="0" applyNumberFormat="1" applyFont="1" applyBorder="1" applyAlignment="1">
      <alignment horizontal="right" vertical="center" indent="2"/>
    </xf>
    <xf numFmtId="183" fontId="11" fillId="0" borderId="16" xfId="0" applyNumberFormat="1" applyFont="1" applyBorder="1" applyAlignment="1">
      <alignment horizontal="right" vertical="center" indent="2"/>
    </xf>
    <xf numFmtId="0" fontId="6" fillId="0" borderId="20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27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wrapText="1"/>
    </xf>
    <xf numFmtId="0" fontId="6" fillId="0" borderId="28" xfId="0" applyFont="1" applyBorder="1" applyAlignment="1">
      <alignment horizontal="center" vertical="center" wrapText="1"/>
    </xf>
    <xf numFmtId="0" fontId="6" fillId="0" borderId="29" xfId="0" applyFont="1" applyBorder="1" applyAlignment="1">
      <alignment horizontal="center" vertical="center" wrapText="1" shrinkToFit="1"/>
    </xf>
    <xf numFmtId="0" fontId="6" fillId="0" borderId="7" xfId="0" applyFont="1" applyBorder="1" applyAlignment="1">
      <alignment horizontal="center" vertical="center" wrapText="1" shrinkToFit="1"/>
    </xf>
    <xf numFmtId="0" fontId="6" fillId="0" borderId="8" xfId="0" applyFont="1" applyBorder="1" applyAlignment="1">
      <alignment horizontal="center" vertical="center" wrapText="1" shrinkToFit="1"/>
    </xf>
    <xf numFmtId="0" fontId="6" fillId="0" borderId="19" xfId="0" applyFont="1" applyBorder="1" applyAlignment="1">
      <alignment horizontal="center" vertical="center" wrapText="1" shrinkToFit="1"/>
    </xf>
    <xf numFmtId="0" fontId="6" fillId="0" borderId="18" xfId="0" applyFont="1" applyBorder="1" applyAlignment="1">
      <alignment horizontal="center" vertical="center" wrapText="1" shrinkToFit="1"/>
    </xf>
    <xf numFmtId="0" fontId="6" fillId="0" borderId="28" xfId="0" applyFont="1" applyBorder="1" applyAlignment="1">
      <alignment horizontal="center" vertical="center" wrapText="1" shrinkToFit="1"/>
    </xf>
    <xf numFmtId="178" fontId="6" fillId="0" borderId="0" xfId="0" applyNumberFormat="1" applyFont="1" applyAlignment="1" applyProtection="1">
      <alignment horizontal="right" vertical="center"/>
      <protection locked="0"/>
    </xf>
    <xf numFmtId="41" fontId="19" fillId="0" borderId="0" xfId="0" applyNumberFormat="1" applyFont="1" applyAlignment="1">
      <alignment horizontal="right" vertical="center"/>
    </xf>
    <xf numFmtId="0" fontId="19" fillId="0" borderId="0" xfId="0" applyFont="1" applyAlignment="1">
      <alignment vertical="center"/>
    </xf>
    <xf numFmtId="0" fontId="19" fillId="0" borderId="5" xfId="0" applyFont="1" applyBorder="1" applyAlignment="1">
      <alignment vertical="center"/>
    </xf>
    <xf numFmtId="0" fontId="6" fillId="0" borderId="50" xfId="0" applyFont="1" applyBorder="1" applyAlignment="1">
      <alignment horizontal="distributed" vertical="center" indent="1"/>
    </xf>
    <xf numFmtId="0" fontId="6" fillId="0" borderId="30" xfId="0" applyFont="1" applyBorder="1" applyAlignment="1">
      <alignment horizontal="distributed" vertical="center" indent="1"/>
    </xf>
    <xf numFmtId="0" fontId="6" fillId="0" borderId="24" xfId="0" applyFont="1" applyBorder="1" applyAlignment="1">
      <alignment horizontal="distributed" vertical="center" indent="1"/>
    </xf>
    <xf numFmtId="0" fontId="12" fillId="0" borderId="47" xfId="0" applyFont="1" applyBorder="1" applyAlignment="1">
      <alignment horizontal="center" vertical="center" wrapText="1" shrinkToFit="1"/>
    </xf>
    <xf numFmtId="0" fontId="12" fillId="0" borderId="47" xfId="0" applyFont="1" applyBorder="1" applyAlignment="1">
      <alignment horizontal="center" vertical="center" shrinkToFit="1"/>
    </xf>
    <xf numFmtId="0" fontId="19" fillId="0" borderId="7" xfId="0" applyFont="1" applyBorder="1" applyAlignment="1">
      <alignment horizontal="distributed" vertical="center" indent="1"/>
    </xf>
    <xf numFmtId="0" fontId="21" fillId="0" borderId="0" xfId="0" applyFont="1" applyAlignment="1">
      <alignment horizontal="distributed" vertical="center" indent="1"/>
    </xf>
    <xf numFmtId="0" fontId="21" fillId="0" borderId="5" xfId="0" applyFont="1" applyBorder="1" applyAlignment="1">
      <alignment horizontal="distributed" vertical="center" indent="1"/>
    </xf>
    <xf numFmtId="0" fontId="12" fillId="0" borderId="2" xfId="0" applyFont="1" applyBorder="1" applyAlignment="1">
      <alignment horizontal="distributed" vertical="center" indent="1"/>
    </xf>
    <xf numFmtId="0" fontId="12" fillId="0" borderId="0" xfId="0" applyFont="1" applyAlignment="1">
      <alignment horizontal="distributed" vertical="center" indent="1"/>
    </xf>
    <xf numFmtId="0" fontId="12" fillId="0" borderId="5" xfId="0" applyFont="1" applyBorder="1" applyAlignment="1">
      <alignment horizontal="distributed" vertical="center" indent="1"/>
    </xf>
    <xf numFmtId="183" fontId="6" fillId="3" borderId="0" xfId="0" applyNumberFormat="1" applyFont="1" applyFill="1" applyAlignment="1">
      <alignment horizontal="right" vertical="center" indent="2"/>
    </xf>
    <xf numFmtId="178" fontId="19" fillId="0" borderId="0" xfId="0" applyNumberFormat="1" applyFont="1" applyAlignment="1">
      <alignment horizontal="right" vertical="center"/>
    </xf>
    <xf numFmtId="178" fontId="19" fillId="0" borderId="17" xfId="0" applyNumberFormat="1" applyFont="1" applyBorder="1" applyAlignment="1">
      <alignment horizontal="right" vertical="center"/>
    </xf>
    <xf numFmtId="0" fontId="12" fillId="0" borderId="50" xfId="0" applyFont="1" applyBorder="1" applyAlignment="1">
      <alignment horizontal="distributed" vertical="center" wrapText="1" justifyLastLine="1"/>
    </xf>
    <xf numFmtId="0" fontId="12" fillId="0" borderId="47" xfId="0" applyFont="1" applyBorder="1" applyAlignment="1">
      <alignment horizontal="distributed" vertical="center" wrapText="1" justifyLastLine="1"/>
    </xf>
    <xf numFmtId="0" fontId="21" fillId="0" borderId="2" xfId="0" applyFont="1" applyBorder="1" applyAlignment="1">
      <alignment horizontal="distributed" vertical="center" indent="1"/>
    </xf>
    <xf numFmtId="181" fontId="6" fillId="0" borderId="0" xfId="1" applyNumberFormat="1" applyFont="1" applyFill="1" applyBorder="1" applyAlignment="1" applyProtection="1">
      <alignment vertical="center"/>
    </xf>
    <xf numFmtId="178" fontId="21" fillId="0" borderId="14" xfId="0" applyNumberFormat="1" applyFont="1" applyBorder="1" applyAlignment="1">
      <alignment horizontal="right" vertical="center"/>
    </xf>
    <xf numFmtId="178" fontId="21" fillId="0" borderId="1" xfId="0" applyNumberFormat="1" applyFont="1" applyBorder="1" applyAlignment="1">
      <alignment horizontal="right" vertical="center"/>
    </xf>
    <xf numFmtId="178" fontId="21" fillId="0" borderId="15" xfId="0" applyNumberFormat="1" applyFont="1" applyBorder="1" applyAlignment="1">
      <alignment horizontal="right" vertical="center"/>
    </xf>
    <xf numFmtId="178" fontId="21" fillId="0" borderId="13" xfId="0" applyNumberFormat="1" applyFont="1" applyBorder="1" applyAlignment="1" applyProtection="1">
      <alignment horizontal="right" vertical="center"/>
      <protection locked="0"/>
    </xf>
    <xf numFmtId="178" fontId="21" fillId="0" borderId="0" xfId="0" applyNumberFormat="1" applyFont="1" applyAlignment="1" applyProtection="1">
      <alignment horizontal="right" vertical="center"/>
      <protection locked="0"/>
    </xf>
    <xf numFmtId="178" fontId="21" fillId="0" borderId="17" xfId="0" applyNumberFormat="1" applyFont="1" applyBorder="1" applyAlignment="1" applyProtection="1">
      <alignment horizontal="right" vertical="center"/>
      <protection locked="0"/>
    </xf>
    <xf numFmtId="178" fontId="21" fillId="0" borderId="17" xfId="0" applyNumberFormat="1" applyFont="1" applyBorder="1" applyAlignment="1">
      <alignment horizontal="right" vertical="center"/>
    </xf>
    <xf numFmtId="178" fontId="21" fillId="0" borderId="29" xfId="0" applyNumberFormat="1" applyFont="1" applyBorder="1" applyAlignment="1">
      <alignment horizontal="right" vertical="center"/>
    </xf>
    <xf numFmtId="178" fontId="21" fillId="0" borderId="7" xfId="0" applyNumberFormat="1" applyFont="1" applyBorder="1" applyAlignment="1">
      <alignment horizontal="right" vertical="center"/>
    </xf>
    <xf numFmtId="178" fontId="21" fillId="0" borderId="23" xfId="0" applyNumberFormat="1" applyFont="1" applyBorder="1" applyAlignment="1">
      <alignment horizontal="right" vertical="center"/>
    </xf>
    <xf numFmtId="178" fontId="19" fillId="0" borderId="13" xfId="0" applyNumberFormat="1" applyFont="1" applyBorder="1" applyAlignment="1">
      <alignment horizontal="right" vertical="center"/>
    </xf>
    <xf numFmtId="0" fontId="19" fillId="0" borderId="7" xfId="0" applyFont="1" applyBorder="1" applyAlignment="1">
      <alignment horizontal="center" vertical="center"/>
    </xf>
    <xf numFmtId="181" fontId="11" fillId="0" borderId="0" xfId="1" applyNumberFormat="1" applyFont="1" applyFill="1" applyBorder="1" applyAlignment="1" applyProtection="1">
      <alignment vertical="center"/>
      <protection locked="0"/>
    </xf>
    <xf numFmtId="183" fontId="11" fillId="3" borderId="0" xfId="0" applyNumberFormat="1" applyFont="1" applyFill="1" applyAlignment="1">
      <alignment horizontal="right" vertical="center" indent="2"/>
    </xf>
    <xf numFmtId="183" fontId="11" fillId="3" borderId="17" xfId="0" applyNumberFormat="1" applyFont="1" applyFill="1" applyBorder="1" applyAlignment="1">
      <alignment horizontal="right" vertical="center" indent="2"/>
    </xf>
    <xf numFmtId="181" fontId="6" fillId="0" borderId="7" xfId="1" applyNumberFormat="1" applyFont="1" applyFill="1" applyBorder="1" applyAlignment="1" applyProtection="1">
      <alignment vertical="center"/>
    </xf>
    <xf numFmtId="0" fontId="6" fillId="0" borderId="21" xfId="0" applyFont="1" applyBorder="1" applyAlignment="1">
      <alignment horizontal="center" vertical="center" wrapText="1"/>
    </xf>
    <xf numFmtId="0" fontId="6" fillId="0" borderId="13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22" xfId="0" applyFont="1" applyBorder="1" applyAlignment="1">
      <alignment horizontal="center" vertical="center" wrapText="1"/>
    </xf>
    <xf numFmtId="49" fontId="6" fillId="0" borderId="1" xfId="0" applyNumberFormat="1" applyFont="1" applyBorder="1" applyAlignment="1" applyProtection="1">
      <alignment horizontal="right" vertical="center" indent="2"/>
      <protection locked="0"/>
    </xf>
    <xf numFmtId="176" fontId="21" fillId="0" borderId="19" xfId="0" applyNumberFormat="1" applyFont="1" applyBorder="1" applyAlignment="1">
      <alignment horizontal="right" vertical="center"/>
    </xf>
    <xf numFmtId="176" fontId="21" fillId="0" borderId="18" xfId="0" applyNumberFormat="1" applyFont="1" applyBorder="1" applyAlignment="1">
      <alignment horizontal="right" vertical="center"/>
    </xf>
    <xf numFmtId="176" fontId="21" fillId="0" borderId="28" xfId="0" applyNumberFormat="1" applyFont="1" applyBorder="1" applyAlignment="1">
      <alignment horizontal="right" vertical="center"/>
    </xf>
    <xf numFmtId="0" fontId="19" fillId="0" borderId="13" xfId="0" applyFont="1" applyBorder="1" applyAlignment="1">
      <alignment horizontal="center" vertical="center" wrapText="1"/>
    </xf>
    <xf numFmtId="0" fontId="17" fillId="0" borderId="20" xfId="0" applyFont="1" applyBorder="1" applyAlignment="1">
      <alignment horizontal="center" vertical="center" wrapText="1"/>
    </xf>
    <xf numFmtId="0" fontId="17" fillId="0" borderId="21" xfId="0" applyFont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17" fillId="0" borderId="22" xfId="0" applyFont="1" applyBorder="1" applyAlignment="1">
      <alignment horizontal="center" vertical="center" wrapText="1"/>
    </xf>
    <xf numFmtId="0" fontId="6" fillId="0" borderId="30" xfId="0" applyFont="1" applyBorder="1" applyAlignment="1">
      <alignment horizontal="distributed" vertical="center" indent="2"/>
    </xf>
    <xf numFmtId="0" fontId="6" fillId="0" borderId="31" xfId="0" applyFont="1" applyBorder="1" applyAlignment="1">
      <alignment horizontal="distributed" vertical="center" indent="2"/>
    </xf>
    <xf numFmtId="0" fontId="6" fillId="0" borderId="32" xfId="0" applyFont="1" applyBorder="1" applyAlignment="1">
      <alignment horizontal="distributed" vertical="center" indent="2"/>
    </xf>
    <xf numFmtId="0" fontId="19" fillId="0" borderId="29" xfId="0" applyFont="1" applyBorder="1" applyAlignment="1">
      <alignment horizontal="center" vertical="center"/>
    </xf>
    <xf numFmtId="0" fontId="19" fillId="0" borderId="23" xfId="0" applyFont="1" applyBorder="1" applyAlignment="1">
      <alignment horizontal="center" vertical="center"/>
    </xf>
    <xf numFmtId="176" fontId="11" fillId="0" borderId="16" xfId="0" applyNumberFormat="1" applyFont="1" applyBorder="1" applyAlignment="1" applyProtection="1">
      <alignment horizontal="right" vertical="center"/>
      <protection locked="0"/>
    </xf>
    <xf numFmtId="41" fontId="11" fillId="0" borderId="16" xfId="0" applyNumberFormat="1" applyFont="1" applyBorder="1" applyAlignment="1" applyProtection="1">
      <alignment horizontal="right" vertical="center"/>
      <protection locked="0"/>
    </xf>
    <xf numFmtId="177" fontId="6" fillId="0" borderId="7" xfId="0" applyNumberFormat="1" applyFont="1" applyBorder="1" applyAlignment="1">
      <alignment horizontal="right" vertical="center"/>
    </xf>
    <xf numFmtId="177" fontId="6" fillId="0" borderId="23" xfId="0" applyNumberFormat="1" applyFont="1" applyBorder="1" applyAlignment="1">
      <alignment horizontal="right" vertical="center"/>
    </xf>
    <xf numFmtId="41" fontId="6" fillId="0" borderId="14" xfId="0" applyNumberFormat="1" applyFont="1" applyBorder="1" applyAlignment="1" applyProtection="1">
      <alignment horizontal="right" vertical="center"/>
      <protection locked="0"/>
    </xf>
    <xf numFmtId="0" fontId="19" fillId="0" borderId="8" xfId="0" applyFont="1" applyBorder="1" applyAlignment="1">
      <alignment horizontal="center" vertical="center"/>
    </xf>
    <xf numFmtId="176" fontId="6" fillId="0" borderId="0" xfId="2" applyNumberFormat="1" applyFont="1" applyAlignment="1">
      <alignment horizontal="right" vertical="center"/>
    </xf>
    <xf numFmtId="0" fontId="6" fillId="0" borderId="2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31" xfId="0" applyFont="1" applyBorder="1" applyAlignment="1">
      <alignment horizontal="center" vertical="center" wrapText="1"/>
    </xf>
    <xf numFmtId="0" fontId="6" fillId="0" borderId="32" xfId="0" applyFont="1" applyBorder="1" applyAlignment="1">
      <alignment horizontal="center" vertical="center" wrapText="1"/>
    </xf>
    <xf numFmtId="0" fontId="6" fillId="0" borderId="34" xfId="0" applyFont="1" applyBorder="1" applyAlignment="1">
      <alignment horizontal="center" vertical="center" shrinkToFit="1"/>
    </xf>
    <xf numFmtId="0" fontId="6" fillId="0" borderId="35" xfId="0" applyFont="1" applyBorder="1" applyAlignment="1">
      <alignment horizontal="center" vertical="center" shrinkToFit="1"/>
    </xf>
    <xf numFmtId="0" fontId="6" fillId="0" borderId="36" xfId="0" applyFont="1" applyBorder="1" applyAlignment="1">
      <alignment horizontal="center" vertical="center" shrinkToFit="1"/>
    </xf>
    <xf numFmtId="41" fontId="6" fillId="0" borderId="7" xfId="0" applyNumberFormat="1" applyFont="1" applyBorder="1" applyAlignment="1" applyProtection="1">
      <alignment horizontal="right" vertical="center"/>
      <protection locked="0"/>
    </xf>
    <xf numFmtId="0" fontId="6" fillId="0" borderId="43" xfId="4" applyFont="1" applyBorder="1" applyAlignment="1">
      <alignment horizontal="distributed" vertical="center"/>
    </xf>
    <xf numFmtId="0" fontId="6" fillId="0" borderId="25" xfId="4" applyFont="1" applyBorder="1" applyAlignment="1">
      <alignment horizontal="distributed" vertical="center"/>
    </xf>
    <xf numFmtId="0" fontId="6" fillId="0" borderId="44" xfId="4" applyFont="1" applyBorder="1" applyAlignment="1">
      <alignment horizontal="distributed" vertical="center"/>
    </xf>
    <xf numFmtId="41" fontId="11" fillId="0" borderId="7" xfId="0" applyNumberFormat="1" applyFont="1" applyBorder="1" applyAlignment="1" applyProtection="1">
      <alignment horizontal="right" vertical="center"/>
      <protection locked="0"/>
    </xf>
    <xf numFmtId="41" fontId="11" fillId="0" borderId="23" xfId="0" applyNumberFormat="1" applyFont="1" applyBorder="1" applyAlignment="1" applyProtection="1">
      <alignment horizontal="right" vertical="center"/>
      <protection locked="0"/>
    </xf>
    <xf numFmtId="0" fontId="11" fillId="0" borderId="18" xfId="4" applyFont="1" applyBorder="1" applyAlignment="1">
      <alignment horizontal="distributed" vertical="center"/>
    </xf>
    <xf numFmtId="0" fontId="11" fillId="0" borderId="22" xfId="4" applyFont="1" applyBorder="1" applyAlignment="1">
      <alignment horizontal="distributed" vertical="center"/>
    </xf>
    <xf numFmtId="0" fontId="17" fillId="0" borderId="24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178" fontId="6" fillId="0" borderId="30" xfId="0" applyNumberFormat="1" applyFont="1" applyBorder="1" applyAlignment="1">
      <alignment horizontal="distributed" vertical="center" indent="6"/>
    </xf>
    <xf numFmtId="178" fontId="6" fillId="0" borderId="31" xfId="0" applyNumberFormat="1" applyFont="1" applyBorder="1" applyAlignment="1">
      <alignment horizontal="distributed" vertical="center" indent="6"/>
    </xf>
    <xf numFmtId="178" fontId="6" fillId="0" borderId="33" xfId="0" applyNumberFormat="1" applyFont="1" applyBorder="1" applyAlignment="1">
      <alignment horizontal="distributed" vertical="center" indent="6"/>
    </xf>
    <xf numFmtId="178" fontId="6" fillId="4" borderId="1" xfId="0" applyNumberFormat="1" applyFont="1" applyFill="1" applyBorder="1" applyAlignment="1" applyProtection="1">
      <alignment horizontal="right" vertical="center"/>
      <protection locked="0"/>
    </xf>
    <xf numFmtId="178" fontId="6" fillId="4" borderId="16" xfId="0" applyNumberFormat="1" applyFont="1" applyFill="1" applyBorder="1" applyAlignment="1" applyProtection="1">
      <alignment horizontal="right" vertical="center"/>
      <protection locked="0"/>
    </xf>
    <xf numFmtId="186" fontId="6" fillId="0" borderId="0" xfId="0" applyNumberFormat="1" applyFont="1" applyAlignment="1">
      <alignment horizontal="right" vertical="center"/>
    </xf>
    <xf numFmtId="186" fontId="6" fillId="0" borderId="17" xfId="0" applyNumberFormat="1" applyFont="1" applyBorder="1" applyAlignment="1">
      <alignment horizontal="right" vertical="center"/>
    </xf>
    <xf numFmtId="176" fontId="6" fillId="0" borderId="47" xfId="0" applyNumberFormat="1" applyFont="1" applyBorder="1" applyAlignment="1">
      <alignment horizontal="center" vertical="center"/>
    </xf>
    <xf numFmtId="176" fontId="6" fillId="0" borderId="24" xfId="0" applyNumberFormat="1" applyFont="1" applyBorder="1" applyAlignment="1">
      <alignment horizontal="center" vertical="center"/>
    </xf>
    <xf numFmtId="186" fontId="11" fillId="0" borderId="1" xfId="0" applyNumberFormat="1" applyFont="1" applyBorder="1" applyAlignment="1">
      <alignment horizontal="right" vertical="center"/>
    </xf>
    <xf numFmtId="189" fontId="6" fillId="0" borderId="4" xfId="0" applyNumberFormat="1" applyFont="1" applyBorder="1" applyAlignment="1">
      <alignment horizontal="right" vertical="center" indent="2"/>
    </xf>
    <xf numFmtId="189" fontId="6" fillId="0" borderId="7" xfId="0" applyNumberFormat="1" applyFont="1" applyBorder="1" applyAlignment="1">
      <alignment horizontal="right" vertical="center" indent="2"/>
    </xf>
    <xf numFmtId="189" fontId="6" fillId="0" borderId="8" xfId="0" applyNumberFormat="1" applyFont="1" applyBorder="1" applyAlignment="1">
      <alignment horizontal="right" vertical="center" indent="2"/>
    </xf>
    <xf numFmtId="182" fontId="6" fillId="0" borderId="2" xfId="0" applyNumberFormat="1" applyFont="1" applyBorder="1" applyAlignment="1">
      <alignment horizontal="right" vertical="center" indent="2"/>
    </xf>
    <xf numFmtId="182" fontId="6" fillId="0" borderId="0" xfId="0" applyNumberFormat="1" applyFont="1" applyAlignment="1">
      <alignment horizontal="right" vertical="center" indent="2"/>
    </xf>
    <xf numFmtId="182" fontId="6" fillId="0" borderId="5" xfId="0" applyNumberFormat="1" applyFont="1" applyBorder="1" applyAlignment="1">
      <alignment horizontal="right" vertical="center" indent="2"/>
    </xf>
    <xf numFmtId="0" fontId="6" fillId="0" borderId="2" xfId="0" applyFont="1" applyBorder="1" applyAlignment="1">
      <alignment horizontal="distributed" vertical="center" indent="1"/>
    </xf>
    <xf numFmtId="189" fontId="6" fillId="0" borderId="57" xfId="0" applyNumberFormat="1" applyFont="1" applyBorder="1" applyAlignment="1">
      <alignment horizontal="center" vertical="center"/>
    </xf>
    <xf numFmtId="189" fontId="6" fillId="0" borderId="58" xfId="0" applyNumberFormat="1" applyFont="1" applyBorder="1" applyAlignment="1">
      <alignment horizontal="center" vertical="center"/>
    </xf>
    <xf numFmtId="189" fontId="6" fillId="0" borderId="59" xfId="0" applyNumberFormat="1" applyFont="1" applyBorder="1" applyAlignment="1">
      <alignment horizontal="center" vertical="center"/>
    </xf>
    <xf numFmtId="189" fontId="6" fillId="0" borderId="60" xfId="0" applyNumberFormat="1" applyFont="1" applyBorder="1" applyAlignment="1">
      <alignment horizontal="center" vertical="center"/>
    </xf>
    <xf numFmtId="189" fontId="6" fillId="0" borderId="61" xfId="0" applyNumberFormat="1" applyFont="1" applyBorder="1" applyAlignment="1">
      <alignment horizontal="center" vertical="center"/>
    </xf>
    <xf numFmtId="189" fontId="6" fillId="0" borderId="62" xfId="0" applyNumberFormat="1" applyFont="1" applyBorder="1" applyAlignment="1">
      <alignment horizontal="center" vertical="center"/>
    </xf>
    <xf numFmtId="176" fontId="6" fillId="0" borderId="0" xfId="0" applyNumberFormat="1" applyFont="1" applyAlignment="1">
      <alignment horizontal="center" vertical="center"/>
    </xf>
    <xf numFmtId="176" fontId="6" fillId="0" borderId="5" xfId="0" applyNumberFormat="1" applyFont="1" applyBorder="1" applyAlignment="1">
      <alignment horizontal="center" vertical="center"/>
    </xf>
    <xf numFmtId="0" fontId="6" fillId="0" borderId="4" xfId="0" applyFont="1" applyBorder="1" applyAlignment="1">
      <alignment horizontal="distributed" vertical="center" indent="1"/>
    </xf>
    <xf numFmtId="0" fontId="6" fillId="0" borderId="7" xfId="0" applyFont="1" applyBorder="1" applyAlignment="1">
      <alignment horizontal="distributed" vertical="center" indent="1"/>
    </xf>
    <xf numFmtId="0" fontId="6" fillId="0" borderId="8" xfId="0" applyFont="1" applyBorder="1" applyAlignment="1">
      <alignment horizontal="distributed" vertical="center" indent="1"/>
    </xf>
    <xf numFmtId="178" fontId="6" fillId="0" borderId="49" xfId="0" applyNumberFormat="1" applyFont="1" applyBorder="1" applyAlignment="1">
      <alignment horizontal="right" vertical="center"/>
    </xf>
    <xf numFmtId="178" fontId="6" fillId="0" borderId="6" xfId="0" applyNumberFormat="1" applyFont="1" applyBorder="1" applyAlignment="1">
      <alignment horizontal="right" vertical="center"/>
    </xf>
    <xf numFmtId="178" fontId="6" fillId="0" borderId="54" xfId="0" applyNumberFormat="1" applyFont="1" applyBorder="1" applyAlignment="1">
      <alignment horizontal="right" vertical="center"/>
    </xf>
    <xf numFmtId="176" fontId="11" fillId="0" borderId="47" xfId="0" applyNumberFormat="1" applyFont="1" applyBorder="1" applyAlignment="1">
      <alignment horizontal="center" vertical="center"/>
    </xf>
    <xf numFmtId="176" fontId="11" fillId="0" borderId="48" xfId="0" applyNumberFormat="1" applyFont="1" applyBorder="1" applyAlignment="1">
      <alignment horizontal="center" vertical="center"/>
    </xf>
    <xf numFmtId="178" fontId="6" fillId="4" borderId="13" xfId="0" applyNumberFormat="1" applyFont="1" applyFill="1" applyBorder="1" applyAlignment="1" applyProtection="1">
      <alignment horizontal="right" vertical="center"/>
      <protection locked="0"/>
    </xf>
    <xf numFmtId="185" fontId="6" fillId="0" borderId="0" xfId="0" applyNumberFormat="1" applyFont="1" applyAlignment="1">
      <alignment horizontal="right" vertical="center"/>
    </xf>
    <xf numFmtId="178" fontId="6" fillId="0" borderId="24" xfId="0" applyNumberFormat="1" applyFont="1" applyBorder="1" applyAlignment="1">
      <alignment horizontal="distributed" vertical="center" wrapText="1" indent="1"/>
    </xf>
    <xf numFmtId="178" fontId="6" fillId="0" borderId="25" xfId="0" applyNumberFormat="1" applyFont="1" applyBorder="1" applyAlignment="1">
      <alignment horizontal="distributed" vertical="center" wrapText="1" indent="1"/>
    </xf>
    <xf numFmtId="178" fontId="6" fillId="0" borderId="34" xfId="0" applyNumberFormat="1" applyFont="1" applyBorder="1" applyAlignment="1">
      <alignment horizontal="distributed" vertical="center" wrapText="1" indent="1"/>
    </xf>
    <xf numFmtId="178" fontId="6" fillId="0" borderId="24" xfId="0" applyNumberFormat="1" applyFont="1" applyBorder="1" applyAlignment="1">
      <alignment horizontal="distributed" vertical="center" wrapText="1" justifyLastLine="1"/>
    </xf>
    <xf numFmtId="178" fontId="6" fillId="0" borderId="25" xfId="0" applyNumberFormat="1" applyFont="1" applyBorder="1" applyAlignment="1">
      <alignment horizontal="distributed" vertical="center" wrapText="1" justifyLastLine="1"/>
    </xf>
    <xf numFmtId="178" fontId="6" fillId="0" borderId="26" xfId="0" applyNumberFormat="1" applyFont="1" applyBorder="1" applyAlignment="1">
      <alignment horizontal="distributed" vertical="center" wrapText="1" justifyLastLine="1"/>
    </xf>
    <xf numFmtId="176" fontId="11" fillId="0" borderId="7" xfId="2" applyNumberFormat="1" applyFont="1" applyBorder="1" applyAlignment="1">
      <alignment horizontal="right" vertical="center"/>
    </xf>
    <xf numFmtId="176" fontId="11" fillId="0" borderId="0" xfId="2" applyNumberFormat="1" applyFont="1" applyAlignment="1">
      <alignment horizontal="right" vertical="center"/>
    </xf>
    <xf numFmtId="178" fontId="6" fillId="0" borderId="27" xfId="0" applyNumberFormat="1" applyFont="1" applyBorder="1" applyAlignment="1">
      <alignment horizontal="right" vertical="center"/>
    </xf>
    <xf numFmtId="178" fontId="6" fillId="0" borderId="26" xfId="0" applyNumberFormat="1" applyFont="1" applyBorder="1" applyAlignment="1">
      <alignment horizontal="distributed" vertical="center" wrapText="1" indent="1"/>
    </xf>
    <xf numFmtId="185" fontId="11" fillId="0" borderId="0" xfId="0" applyNumberFormat="1" applyFont="1" applyAlignment="1">
      <alignment horizontal="right" vertical="center"/>
    </xf>
    <xf numFmtId="185" fontId="11" fillId="0" borderId="1" xfId="0" applyNumberFormat="1" applyFont="1" applyBorder="1" applyAlignment="1">
      <alignment horizontal="right" vertical="center"/>
    </xf>
    <xf numFmtId="176" fontId="6" fillId="0" borderId="13" xfId="0" applyNumberFormat="1" applyFont="1" applyBorder="1" applyAlignment="1">
      <alignment horizontal="center" vertical="center"/>
    </xf>
    <xf numFmtId="178" fontId="6" fillId="0" borderId="24" xfId="0" applyNumberFormat="1" applyFont="1" applyBorder="1" applyAlignment="1">
      <alignment horizontal="distributed" vertical="center" wrapText="1" indent="2"/>
    </xf>
    <xf numFmtId="178" fontId="6" fillId="0" borderId="25" xfId="0" applyNumberFormat="1" applyFont="1" applyBorder="1" applyAlignment="1">
      <alignment horizontal="distributed" vertical="center" wrapText="1" indent="2"/>
    </xf>
    <xf numFmtId="178" fontId="6" fillId="0" borderId="26" xfId="0" applyNumberFormat="1" applyFont="1" applyBorder="1" applyAlignment="1">
      <alignment horizontal="distributed" vertical="center" wrapText="1" indent="2"/>
    </xf>
    <xf numFmtId="0" fontId="6" fillId="0" borderId="51" xfId="0" applyFont="1" applyBorder="1" applyAlignment="1">
      <alignment horizontal="distributed" vertical="center" indent="1"/>
    </xf>
    <xf numFmtId="178" fontId="6" fillId="0" borderId="52" xfId="0" applyNumberFormat="1" applyFont="1" applyBorder="1" applyAlignment="1">
      <alignment horizontal="left" vertical="center"/>
    </xf>
    <xf numFmtId="178" fontId="6" fillId="0" borderId="18" xfId="0" applyNumberFormat="1" applyFont="1" applyBorder="1" applyAlignment="1">
      <alignment horizontal="left" vertical="center"/>
    </xf>
    <xf numFmtId="178" fontId="6" fillId="0" borderId="28" xfId="0" applyNumberFormat="1" applyFont="1" applyBorder="1" applyAlignment="1">
      <alignment horizontal="left" vertical="center"/>
    </xf>
    <xf numFmtId="182" fontId="11" fillId="0" borderId="3" xfId="0" applyNumberFormat="1" applyFont="1" applyBorder="1" applyAlignment="1">
      <alignment horizontal="right" vertical="center" indent="2"/>
    </xf>
    <xf numFmtId="182" fontId="11" fillId="0" borderId="1" xfId="0" applyNumberFormat="1" applyFont="1" applyBorder="1" applyAlignment="1">
      <alignment horizontal="right" vertical="center" indent="2"/>
    </xf>
    <xf numFmtId="182" fontId="11" fillId="0" borderId="15" xfId="0" applyNumberFormat="1" applyFont="1" applyBorder="1" applyAlignment="1">
      <alignment horizontal="right" vertical="center" indent="2"/>
    </xf>
    <xf numFmtId="0" fontId="6" fillId="0" borderId="34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6" fillId="0" borderId="36" xfId="0" applyFont="1" applyBorder="1" applyAlignment="1">
      <alignment horizontal="center" vertical="center"/>
    </xf>
    <xf numFmtId="0" fontId="6" fillId="0" borderId="46" xfId="0" applyFont="1" applyBorder="1" applyAlignment="1">
      <alignment horizontal="distributed" vertical="center" indent="1"/>
    </xf>
    <xf numFmtId="0" fontId="6" fillId="4" borderId="45" xfId="0" applyFont="1" applyFill="1" applyBorder="1" applyAlignment="1">
      <alignment horizontal="center" vertical="center" wrapText="1"/>
    </xf>
    <xf numFmtId="0" fontId="6" fillId="4" borderId="38" xfId="0" applyFont="1" applyFill="1" applyBorder="1" applyAlignment="1">
      <alignment horizontal="center" vertical="center" wrapText="1"/>
    </xf>
    <xf numFmtId="0" fontId="6" fillId="4" borderId="33" xfId="0" applyFont="1" applyFill="1" applyBorder="1" applyAlignment="1">
      <alignment horizontal="center" vertical="center" wrapText="1"/>
    </xf>
    <xf numFmtId="0" fontId="6" fillId="4" borderId="41" xfId="0" applyFont="1" applyFill="1" applyBorder="1" applyAlignment="1">
      <alignment horizontal="center" vertical="center" wrapText="1"/>
    </xf>
    <xf numFmtId="0" fontId="6" fillId="0" borderId="32" xfId="0" applyFont="1" applyBorder="1" applyAlignment="1">
      <alignment horizontal="center" vertical="center" shrinkToFit="1"/>
    </xf>
    <xf numFmtId="0" fontId="6" fillId="0" borderId="50" xfId="0" applyFont="1" applyBorder="1" applyAlignment="1">
      <alignment horizontal="center" vertical="center" shrinkToFit="1"/>
    </xf>
    <xf numFmtId="0" fontId="6" fillId="0" borderId="40" xfId="0" applyFont="1" applyBorder="1" applyAlignment="1">
      <alignment horizontal="center" vertical="center" shrinkToFit="1"/>
    </xf>
    <xf numFmtId="178" fontId="6" fillId="0" borderId="14" xfId="0" applyNumberFormat="1" applyFont="1" applyBorder="1" applyAlignment="1" applyProtection="1">
      <alignment horizontal="right" vertical="center" shrinkToFit="1"/>
      <protection locked="0"/>
    </xf>
    <xf numFmtId="178" fontId="6" fillId="0" borderId="1" xfId="0" applyNumberFormat="1" applyFont="1" applyBorder="1" applyAlignment="1" applyProtection="1">
      <alignment horizontal="right" vertical="center" shrinkToFit="1"/>
      <protection locked="0"/>
    </xf>
    <xf numFmtId="0" fontId="6" fillId="0" borderId="47" xfId="0" applyFont="1" applyBorder="1" applyAlignment="1">
      <alignment horizontal="distributed" vertical="center" indent="1" shrinkToFit="1"/>
    </xf>
    <xf numFmtId="0" fontId="6" fillId="0" borderId="48" xfId="0" applyFont="1" applyBorder="1" applyAlignment="1">
      <alignment horizontal="distributed" vertical="center" indent="1" shrinkToFit="1"/>
    </xf>
    <xf numFmtId="0" fontId="12" fillId="0" borderId="24" xfId="0" applyFont="1" applyBorder="1" applyAlignment="1">
      <alignment horizontal="center" vertical="center" wrapText="1"/>
    </xf>
    <xf numFmtId="0" fontId="12" fillId="0" borderId="25" xfId="0" applyFont="1" applyBorder="1" applyAlignment="1">
      <alignment horizontal="center" vertical="center" wrapText="1"/>
    </xf>
    <xf numFmtId="0" fontId="12" fillId="0" borderId="26" xfId="0" applyFont="1" applyBorder="1" applyAlignment="1">
      <alignment horizontal="center" vertical="center" wrapText="1"/>
    </xf>
    <xf numFmtId="179" fontId="6" fillId="0" borderId="7" xfId="0" applyNumberFormat="1" applyFont="1" applyBorder="1" applyAlignment="1">
      <alignment horizontal="right" vertical="center"/>
    </xf>
    <xf numFmtId="179" fontId="6" fillId="0" borderId="23" xfId="0" applyNumberFormat="1" applyFont="1" applyBorder="1" applyAlignment="1">
      <alignment horizontal="right" vertical="center"/>
    </xf>
    <xf numFmtId="176" fontId="6" fillId="0" borderId="26" xfId="0" applyNumberFormat="1" applyFont="1" applyBorder="1" applyAlignment="1">
      <alignment horizontal="center" vertical="center"/>
    </xf>
    <xf numFmtId="176" fontId="6" fillId="0" borderId="9" xfId="2" applyNumberFormat="1" applyFont="1" applyBorder="1" applyAlignment="1">
      <alignment horizontal="right" vertical="center"/>
    </xf>
    <xf numFmtId="0" fontId="6" fillId="0" borderId="52" xfId="0" applyFont="1" applyBorder="1" applyAlignment="1">
      <alignment horizontal="distributed" vertical="center" indent="1"/>
    </xf>
    <xf numFmtId="0" fontId="6" fillId="0" borderId="18" xfId="0" applyFont="1" applyBorder="1" applyAlignment="1">
      <alignment horizontal="distributed" vertical="center" indent="1"/>
    </xf>
    <xf numFmtId="0" fontId="6" fillId="0" borderId="28" xfId="0" applyFont="1" applyBorder="1" applyAlignment="1">
      <alignment horizontal="distributed" vertical="center" indent="1"/>
    </xf>
    <xf numFmtId="176" fontId="6" fillId="0" borderId="19" xfId="0" applyNumberFormat="1" applyFont="1" applyBorder="1" applyAlignment="1">
      <alignment horizontal="center" vertical="center"/>
    </xf>
    <xf numFmtId="176" fontId="6" fillId="0" borderId="18" xfId="0" applyNumberFormat="1" applyFont="1" applyBorder="1" applyAlignment="1">
      <alignment horizontal="center" vertical="center"/>
    </xf>
    <xf numFmtId="176" fontId="6" fillId="0" borderId="28" xfId="0" applyNumberFormat="1" applyFont="1" applyBorder="1" applyAlignment="1">
      <alignment horizontal="center" vertical="center"/>
    </xf>
    <xf numFmtId="176" fontId="6" fillId="0" borderId="13" xfId="0" applyNumberFormat="1" applyFont="1" applyBorder="1" applyAlignment="1">
      <alignment vertical="center"/>
    </xf>
    <xf numFmtId="0" fontId="6" fillId="0" borderId="56" xfId="0" applyFont="1" applyBorder="1" applyAlignment="1">
      <alignment horizontal="left" vertical="center"/>
    </xf>
    <xf numFmtId="0" fontId="6" fillId="0" borderId="77" xfId="0" applyFont="1" applyBorder="1" applyAlignment="1">
      <alignment horizontal="left" vertical="center"/>
    </xf>
    <xf numFmtId="176" fontId="11" fillId="0" borderId="7" xfId="0" applyNumberFormat="1" applyFont="1" applyBorder="1" applyAlignment="1">
      <alignment horizontal="center" vertical="center"/>
    </xf>
    <xf numFmtId="176" fontId="11" fillId="0" borderId="23" xfId="0" applyNumberFormat="1" applyFont="1" applyBorder="1" applyAlignment="1">
      <alignment horizontal="center" vertical="center"/>
    </xf>
    <xf numFmtId="190" fontId="6" fillId="0" borderId="2" xfId="0" applyNumberFormat="1" applyFont="1" applyBorder="1" applyAlignment="1">
      <alignment horizontal="right" vertical="center"/>
    </xf>
    <xf numFmtId="190" fontId="6" fillId="0" borderId="0" xfId="0" applyNumberFormat="1" applyFont="1" applyAlignment="1">
      <alignment horizontal="right" vertical="center"/>
    </xf>
    <xf numFmtId="190" fontId="6" fillId="0" borderId="5" xfId="0" applyNumberFormat="1" applyFont="1" applyBorder="1" applyAlignment="1">
      <alignment horizontal="right" vertical="center"/>
    </xf>
    <xf numFmtId="176" fontId="11" fillId="0" borderId="14" xfId="0" applyNumberFormat="1" applyFont="1" applyBorder="1" applyAlignment="1">
      <alignment vertical="center"/>
    </xf>
    <xf numFmtId="0" fontId="6" fillId="0" borderId="48" xfId="0" applyFont="1" applyBorder="1" applyAlignment="1">
      <alignment horizontal="center" vertical="center"/>
    </xf>
    <xf numFmtId="180" fontId="11" fillId="0" borderId="7" xfId="0" applyNumberFormat="1" applyFont="1" applyBorder="1" applyAlignment="1">
      <alignment horizontal="right" vertical="center"/>
    </xf>
    <xf numFmtId="0" fontId="6" fillId="0" borderId="40" xfId="0" applyFont="1" applyBorder="1" applyAlignment="1">
      <alignment horizontal="center" vertical="center"/>
    </xf>
    <xf numFmtId="0" fontId="6" fillId="0" borderId="41" xfId="0" applyFont="1" applyBorder="1" applyAlignment="1">
      <alignment horizontal="center" vertical="center"/>
    </xf>
    <xf numFmtId="0" fontId="6" fillId="0" borderId="42" xfId="0" applyFont="1" applyBorder="1" applyAlignment="1">
      <alignment horizontal="center" vertical="center"/>
    </xf>
    <xf numFmtId="0" fontId="6" fillId="0" borderId="37" xfId="0" applyFont="1" applyBorder="1" applyAlignment="1">
      <alignment horizontal="center" vertical="center"/>
    </xf>
    <xf numFmtId="0" fontId="6" fillId="0" borderId="38" xfId="0" applyFont="1" applyBorder="1" applyAlignment="1">
      <alignment horizontal="center" vertical="center"/>
    </xf>
    <xf numFmtId="0" fontId="6" fillId="0" borderId="39" xfId="0" applyFont="1" applyBorder="1" applyAlignment="1">
      <alignment horizontal="center" vertical="center"/>
    </xf>
    <xf numFmtId="0" fontId="6" fillId="0" borderId="50" xfId="0" applyFont="1" applyBorder="1" applyAlignment="1">
      <alignment horizontal="distributed" vertical="center" indent="1" shrinkToFit="1"/>
    </xf>
    <xf numFmtId="0" fontId="6" fillId="0" borderId="30" xfId="0" applyFont="1" applyBorder="1" applyAlignment="1">
      <alignment horizontal="distributed" vertical="center" indent="1" shrinkToFit="1"/>
    </xf>
    <xf numFmtId="176" fontId="6" fillId="0" borderId="14" xfId="0" applyNumberFormat="1" applyFont="1" applyBorder="1" applyAlignment="1">
      <alignment horizontal="right" vertical="center"/>
    </xf>
    <xf numFmtId="176" fontId="11" fillId="0" borderId="9" xfId="2" applyNumberFormat="1" applyFont="1" applyBorder="1" applyAlignment="1">
      <alignment horizontal="right" vertical="center"/>
    </xf>
    <xf numFmtId="176" fontId="11" fillId="4" borderId="18" xfId="0" applyNumberFormat="1" applyFont="1" applyFill="1" applyBorder="1" applyAlignment="1">
      <alignment horizontal="center" vertical="center"/>
    </xf>
    <xf numFmtId="176" fontId="11" fillId="4" borderId="22" xfId="0" applyNumberFormat="1" applyFont="1" applyFill="1" applyBorder="1" applyAlignment="1">
      <alignment horizontal="center" vertical="center"/>
    </xf>
    <xf numFmtId="186" fontId="6" fillId="0" borderId="7" xfId="0" applyNumberFormat="1" applyFont="1" applyBorder="1" applyAlignment="1">
      <alignment horizontal="right" vertical="center"/>
    </xf>
    <xf numFmtId="185" fontId="6" fillId="0" borderId="17" xfId="0" applyNumberFormat="1" applyFont="1" applyBorder="1" applyAlignment="1">
      <alignment horizontal="right" vertical="center"/>
    </xf>
    <xf numFmtId="180" fontId="11" fillId="0" borderId="29" xfId="0" applyNumberFormat="1" applyFont="1" applyBorder="1" applyAlignment="1">
      <alignment horizontal="right" vertical="center"/>
    </xf>
    <xf numFmtId="0" fontId="6" fillId="0" borderId="31" xfId="0" applyFont="1" applyBorder="1" applyAlignment="1">
      <alignment horizontal="distributed" vertical="center" indent="1"/>
    </xf>
    <xf numFmtId="0" fontId="6" fillId="0" borderId="32" xfId="0" applyFont="1" applyBorder="1" applyAlignment="1">
      <alignment horizontal="distributed" vertical="center" indent="1"/>
    </xf>
    <xf numFmtId="0" fontId="6" fillId="0" borderId="47" xfId="0" applyFont="1" applyBorder="1" applyAlignment="1">
      <alignment vertical="center"/>
    </xf>
    <xf numFmtId="0" fontId="6" fillId="0" borderId="48" xfId="0" applyFont="1" applyBorder="1" applyAlignment="1">
      <alignment vertical="center"/>
    </xf>
    <xf numFmtId="176" fontId="6" fillId="0" borderId="17" xfId="0" applyNumberFormat="1" applyFont="1" applyBorder="1" applyAlignment="1">
      <alignment vertical="center"/>
    </xf>
    <xf numFmtId="176" fontId="11" fillId="0" borderId="16" xfId="0" applyNumberFormat="1" applyFont="1" applyBorder="1" applyAlignment="1">
      <alignment vertical="center"/>
    </xf>
    <xf numFmtId="0" fontId="6" fillId="0" borderId="50" xfId="0" applyFont="1" applyBorder="1" applyAlignment="1">
      <alignment vertical="center"/>
    </xf>
    <xf numFmtId="0" fontId="6" fillId="0" borderId="40" xfId="0" applyFont="1" applyBorder="1" applyAlignment="1">
      <alignment vertical="center"/>
    </xf>
    <xf numFmtId="0" fontId="6" fillId="0" borderId="34" xfId="0" applyFont="1" applyBorder="1" applyAlignment="1">
      <alignment horizontal="distributed" vertical="center" indent="1"/>
    </xf>
    <xf numFmtId="0" fontId="6" fillId="0" borderId="35" xfId="0" applyFont="1" applyBorder="1" applyAlignment="1">
      <alignment horizontal="distributed" vertical="center" indent="1"/>
    </xf>
    <xf numFmtId="0" fontId="6" fillId="0" borderId="36" xfId="0" applyFont="1" applyBorder="1" applyAlignment="1">
      <alignment horizontal="distributed" vertical="center" indent="1"/>
    </xf>
    <xf numFmtId="0" fontId="6" fillId="4" borderId="45" xfId="0" applyFont="1" applyFill="1" applyBorder="1" applyAlignment="1">
      <alignment horizontal="center" vertical="center" shrinkToFit="1"/>
    </xf>
    <xf numFmtId="0" fontId="6" fillId="4" borderId="38" xfId="0" applyFont="1" applyFill="1" applyBorder="1" applyAlignment="1">
      <alignment horizontal="center" vertical="center" shrinkToFit="1"/>
    </xf>
    <xf numFmtId="0" fontId="6" fillId="4" borderId="33" xfId="0" applyFont="1" applyFill="1" applyBorder="1" applyAlignment="1">
      <alignment horizontal="center" vertical="center" shrinkToFit="1"/>
    </xf>
    <xf numFmtId="0" fontId="6" fillId="4" borderId="41" xfId="0" applyFont="1" applyFill="1" applyBorder="1" applyAlignment="1">
      <alignment horizontal="center" vertical="center" shrinkToFit="1"/>
    </xf>
    <xf numFmtId="176" fontId="11" fillId="4" borderId="0" xfId="0" applyNumberFormat="1" applyFont="1" applyFill="1" applyAlignment="1">
      <alignment horizontal="center" vertical="center"/>
    </xf>
    <xf numFmtId="176" fontId="11" fillId="4" borderId="17" xfId="0" applyNumberFormat="1" applyFont="1" applyFill="1" applyBorder="1" applyAlignment="1">
      <alignment horizontal="center" vertical="center"/>
    </xf>
    <xf numFmtId="184" fontId="6" fillId="0" borderId="2" xfId="0" applyNumberFormat="1" applyFont="1" applyBorder="1" applyAlignment="1">
      <alignment horizontal="right" vertical="center"/>
    </xf>
    <xf numFmtId="184" fontId="6" fillId="0" borderId="0" xfId="0" applyNumberFormat="1" applyFont="1" applyAlignment="1">
      <alignment horizontal="right" vertical="center"/>
    </xf>
    <xf numFmtId="184" fontId="6" fillId="0" borderId="5" xfId="0" applyNumberFormat="1" applyFont="1" applyBorder="1" applyAlignment="1">
      <alignment horizontal="right" vertical="center"/>
    </xf>
    <xf numFmtId="0" fontId="6" fillId="0" borderId="45" xfId="0" applyFont="1" applyBorder="1" applyAlignment="1">
      <alignment horizontal="distributed" vertical="center" indent="1"/>
    </xf>
    <xf numFmtId="0" fontId="6" fillId="0" borderId="38" xfId="0" applyFont="1" applyBorder="1" applyAlignment="1">
      <alignment horizontal="distributed" vertical="center" indent="1"/>
    </xf>
    <xf numFmtId="0" fontId="6" fillId="0" borderId="39" xfId="0" applyFont="1" applyBorder="1" applyAlignment="1">
      <alignment horizontal="distributed" vertical="center" indent="1"/>
    </xf>
    <xf numFmtId="0" fontId="6" fillId="0" borderId="33" xfId="0" applyFont="1" applyBorder="1" applyAlignment="1">
      <alignment horizontal="distributed" vertical="center" indent="1"/>
    </xf>
    <xf numFmtId="0" fontId="6" fillId="0" borderId="41" xfId="0" applyFont="1" applyBorder="1" applyAlignment="1">
      <alignment horizontal="distributed" vertical="center" indent="1"/>
    </xf>
    <xf numFmtId="0" fontId="6" fillId="0" borderId="42" xfId="0" applyFont="1" applyBorder="1" applyAlignment="1">
      <alignment horizontal="distributed" vertical="center" indent="1"/>
    </xf>
    <xf numFmtId="0" fontId="6" fillId="0" borderId="45" xfId="0" applyFont="1" applyBorder="1" applyAlignment="1">
      <alignment horizontal="center" vertical="center" shrinkToFit="1"/>
    </xf>
    <xf numFmtId="0" fontId="6" fillId="0" borderId="38" xfId="0" applyFont="1" applyBorder="1" applyAlignment="1">
      <alignment horizontal="center" vertical="center" shrinkToFit="1"/>
    </xf>
    <xf numFmtId="0" fontId="6" fillId="0" borderId="39" xfId="0" applyFont="1" applyBorder="1" applyAlignment="1">
      <alignment horizontal="center" vertical="center" shrinkToFit="1"/>
    </xf>
    <xf numFmtId="0" fontId="6" fillId="0" borderId="33" xfId="0" applyFont="1" applyBorder="1" applyAlignment="1">
      <alignment horizontal="center" vertical="center" shrinkToFit="1"/>
    </xf>
    <xf numFmtId="0" fontId="6" fillId="0" borderId="41" xfId="0" applyFont="1" applyBorder="1" applyAlignment="1">
      <alignment horizontal="center" vertical="center" shrinkToFit="1"/>
    </xf>
    <xf numFmtId="0" fontId="6" fillId="0" borderId="42" xfId="0" applyFont="1" applyBorder="1" applyAlignment="1">
      <alignment horizontal="center" vertical="center" shrinkToFit="1"/>
    </xf>
    <xf numFmtId="178" fontId="6" fillId="0" borderId="13" xfId="0" applyNumberFormat="1" applyFont="1" applyBorder="1" applyAlignment="1" applyProtection="1">
      <alignment horizontal="right" vertical="center"/>
      <protection locked="0"/>
    </xf>
    <xf numFmtId="0" fontId="6" fillId="0" borderId="22" xfId="0" applyFont="1" applyBorder="1" applyAlignment="1">
      <alignment horizontal="distributed" vertical="center" indent="1"/>
    </xf>
    <xf numFmtId="0" fontId="6" fillId="0" borderId="55" xfId="0" applyFont="1" applyBorder="1" applyAlignment="1">
      <alignment horizontal="distributed" vertical="center" indent="1"/>
    </xf>
    <xf numFmtId="0" fontId="6" fillId="0" borderId="56" xfId="0" applyFont="1" applyBorder="1" applyAlignment="1">
      <alignment horizontal="distributed" vertical="center" indent="1"/>
    </xf>
    <xf numFmtId="178" fontId="11" fillId="0" borderId="29" xfId="0" applyNumberFormat="1" applyFont="1" applyBorder="1" applyAlignment="1">
      <alignment horizontal="right" vertical="center"/>
    </xf>
    <xf numFmtId="0" fontId="6" fillId="0" borderId="25" xfId="0" applyFont="1" applyBorder="1" applyAlignment="1">
      <alignment horizontal="distributed" vertical="center" indent="1"/>
    </xf>
    <xf numFmtId="0" fontId="6" fillId="0" borderId="26" xfId="0" applyFont="1" applyBorder="1" applyAlignment="1">
      <alignment horizontal="distributed" vertical="center" indent="1"/>
    </xf>
    <xf numFmtId="178" fontId="6" fillId="0" borderId="17" xfId="0" applyNumberFormat="1" applyFont="1" applyBorder="1" applyAlignment="1" applyProtection="1">
      <alignment horizontal="right" vertical="center"/>
      <protection locked="0"/>
    </xf>
    <xf numFmtId="0" fontId="6" fillId="0" borderId="47" xfId="0" applyFont="1" applyBorder="1"/>
    <xf numFmtId="0" fontId="6" fillId="0" borderId="48" xfId="0" applyFont="1" applyBorder="1"/>
    <xf numFmtId="0" fontId="8" fillId="0" borderId="20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21" xfId="0" applyFont="1" applyBorder="1" applyAlignment="1">
      <alignment horizontal="center" vertical="center" wrapText="1"/>
    </xf>
    <xf numFmtId="0" fontId="8" fillId="0" borderId="19" xfId="0" applyFont="1" applyBorder="1" applyAlignment="1">
      <alignment horizontal="center" vertical="center" wrapText="1"/>
    </xf>
    <xf numFmtId="0" fontId="8" fillId="0" borderId="18" xfId="0" applyFont="1" applyBorder="1" applyAlignment="1">
      <alignment horizontal="center" vertical="center" wrapText="1"/>
    </xf>
    <xf numFmtId="0" fontId="8" fillId="0" borderId="22" xfId="0" applyFont="1" applyBorder="1" applyAlignment="1">
      <alignment horizontal="center" vertical="center" wrapText="1"/>
    </xf>
    <xf numFmtId="182" fontId="6" fillId="0" borderId="2" xfId="0" applyNumberFormat="1" applyFont="1" applyBorder="1" applyAlignment="1">
      <alignment horizontal="right" vertical="center" indent="1"/>
    </xf>
    <xf numFmtId="182" fontId="6" fillId="0" borderId="0" xfId="0" applyNumberFormat="1" applyFont="1" applyAlignment="1">
      <alignment horizontal="right" vertical="center" indent="1"/>
    </xf>
    <xf numFmtId="182" fontId="6" fillId="0" borderId="5" xfId="0" applyNumberFormat="1" applyFont="1" applyBorder="1" applyAlignment="1">
      <alignment horizontal="right" vertical="center" indent="1"/>
    </xf>
    <xf numFmtId="178" fontId="11" fillId="0" borderId="14" xfId="0" applyNumberFormat="1" applyFont="1" applyBorder="1" applyAlignment="1" applyProtection="1">
      <alignment horizontal="right" vertical="center"/>
      <protection locked="0"/>
    </xf>
    <xf numFmtId="178" fontId="11" fillId="0" borderId="1" xfId="0" applyNumberFormat="1" applyFont="1" applyBorder="1" applyAlignment="1" applyProtection="1">
      <alignment horizontal="right" vertical="center"/>
      <protection locked="0"/>
    </xf>
    <xf numFmtId="0" fontId="6" fillId="0" borderId="20" xfId="0" applyFont="1" applyBorder="1" applyAlignment="1">
      <alignment horizontal="distributed" vertical="center" indent="2"/>
    </xf>
    <xf numFmtId="0" fontId="6" fillId="0" borderId="6" xfId="0" applyFont="1" applyBorder="1" applyAlignment="1">
      <alignment horizontal="distributed" vertical="center" indent="2"/>
    </xf>
    <xf numFmtId="0" fontId="6" fillId="0" borderId="21" xfId="0" applyFont="1" applyBorder="1" applyAlignment="1">
      <alignment horizontal="distributed" vertical="center" indent="2"/>
    </xf>
    <xf numFmtId="0" fontId="6" fillId="0" borderId="19" xfId="0" applyFont="1" applyBorder="1" applyAlignment="1">
      <alignment horizontal="distributed" vertical="center" indent="2"/>
    </xf>
    <xf numFmtId="0" fontId="6" fillId="0" borderId="18" xfId="0" applyFont="1" applyBorder="1" applyAlignment="1">
      <alignment horizontal="distributed" vertical="center" indent="2"/>
    </xf>
    <xf numFmtId="0" fontId="6" fillId="0" borderId="22" xfId="0" applyFont="1" applyBorder="1" applyAlignment="1">
      <alignment horizontal="distributed" vertical="center" indent="2"/>
    </xf>
    <xf numFmtId="0" fontId="6" fillId="0" borderId="27" xfId="0" applyFont="1" applyBorder="1" applyAlignment="1">
      <alignment horizontal="distributed" vertical="center" indent="2"/>
    </xf>
    <xf numFmtId="0" fontId="6" fillId="0" borderId="28" xfId="0" applyFont="1" applyBorder="1" applyAlignment="1">
      <alignment horizontal="distributed" vertical="center" indent="2"/>
    </xf>
    <xf numFmtId="176" fontId="6" fillId="4" borderId="0" xfId="0" applyNumberFormat="1" applyFont="1" applyFill="1" applyAlignment="1" applyProtection="1">
      <alignment horizontal="right" vertical="center"/>
      <protection locked="0"/>
    </xf>
    <xf numFmtId="176" fontId="6" fillId="4" borderId="17" xfId="0" applyNumberFormat="1" applyFont="1" applyFill="1" applyBorder="1" applyAlignment="1" applyProtection="1">
      <alignment horizontal="right" vertical="center"/>
      <protection locked="0"/>
    </xf>
    <xf numFmtId="178" fontId="11" fillId="0" borderId="16" xfId="0" applyNumberFormat="1" applyFont="1" applyBorder="1" applyAlignment="1" applyProtection="1">
      <alignment horizontal="right" vertical="center"/>
      <protection locked="0"/>
    </xf>
    <xf numFmtId="0" fontId="6" fillId="0" borderId="52" xfId="0" applyFont="1" applyBorder="1" applyAlignment="1">
      <alignment horizontal="left" vertical="center"/>
    </xf>
    <xf numFmtId="0" fontId="6" fillId="0" borderId="18" xfId="0" applyFont="1" applyBorder="1" applyAlignment="1">
      <alignment horizontal="left" vertical="center"/>
    </xf>
    <xf numFmtId="0" fontId="6" fillId="0" borderId="28" xfId="0" applyFont="1" applyBorder="1" applyAlignment="1">
      <alignment horizontal="left" vertical="center"/>
    </xf>
    <xf numFmtId="189" fontId="6" fillId="0" borderId="4" xfId="0" applyNumberFormat="1" applyFont="1" applyBorder="1" applyAlignment="1">
      <alignment horizontal="right" vertical="center" indent="1"/>
    </xf>
    <xf numFmtId="189" fontId="6" fillId="0" borderId="7" xfId="0" applyNumberFormat="1" applyFont="1" applyBorder="1" applyAlignment="1">
      <alignment horizontal="right" vertical="center" indent="1"/>
    </xf>
    <xf numFmtId="189" fontId="6" fillId="0" borderId="8" xfId="0" applyNumberFormat="1" applyFont="1" applyBorder="1" applyAlignment="1">
      <alignment horizontal="right" vertical="center" indent="1"/>
    </xf>
    <xf numFmtId="182" fontId="11" fillId="0" borderId="3" xfId="0" applyNumberFormat="1" applyFont="1" applyBorder="1" applyAlignment="1">
      <alignment horizontal="right" vertical="center" indent="1"/>
    </xf>
    <xf numFmtId="182" fontId="11" fillId="0" borderId="1" xfId="0" applyNumberFormat="1" applyFont="1" applyBorder="1" applyAlignment="1">
      <alignment horizontal="right" vertical="center" indent="1"/>
    </xf>
    <xf numFmtId="182" fontId="11" fillId="0" borderId="15" xfId="0" applyNumberFormat="1" applyFont="1" applyBorder="1" applyAlignment="1">
      <alignment horizontal="right" vertical="center" indent="1"/>
    </xf>
    <xf numFmtId="187" fontId="11" fillId="0" borderId="1" xfId="0" applyNumberFormat="1" applyFont="1" applyBorder="1" applyAlignment="1">
      <alignment horizontal="right" vertical="center"/>
    </xf>
    <xf numFmtId="187" fontId="11" fillId="0" borderId="16" xfId="0" applyNumberFormat="1" applyFont="1" applyBorder="1" applyAlignment="1">
      <alignment horizontal="right" vertical="center"/>
    </xf>
    <xf numFmtId="176" fontId="6" fillId="0" borderId="25" xfId="0" applyNumberFormat="1" applyFont="1" applyBorder="1" applyAlignment="1">
      <alignment horizontal="center" vertical="center"/>
    </xf>
    <xf numFmtId="0" fontId="6" fillId="0" borderId="29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28" xfId="0" applyFont="1" applyBorder="1" applyAlignment="1">
      <alignment horizontal="center" vertical="center"/>
    </xf>
    <xf numFmtId="179" fontId="11" fillId="0" borderId="1" xfId="0" applyNumberFormat="1" applyFont="1" applyBorder="1" applyAlignment="1">
      <alignment horizontal="right" vertical="center"/>
    </xf>
    <xf numFmtId="176" fontId="11" fillId="0" borderId="34" xfId="0" applyNumberFormat="1" applyFont="1" applyBorder="1" applyAlignment="1">
      <alignment horizontal="center" vertical="center"/>
    </xf>
    <xf numFmtId="176" fontId="11" fillId="0" borderId="35" xfId="0" applyNumberFormat="1" applyFont="1" applyBorder="1" applyAlignment="1">
      <alignment horizontal="center" vertical="center"/>
    </xf>
    <xf numFmtId="176" fontId="11" fillId="0" borderId="36" xfId="0" applyNumberFormat="1" applyFont="1" applyBorder="1" applyAlignment="1">
      <alignment horizontal="center" vertical="center"/>
    </xf>
    <xf numFmtId="0" fontId="6" fillId="0" borderId="30" xfId="0" applyFont="1" applyBorder="1" applyAlignment="1">
      <alignment horizontal="center" vertical="center" shrinkToFit="1"/>
    </xf>
    <xf numFmtId="176" fontId="6" fillId="0" borderId="24" xfId="0" applyNumberFormat="1" applyFont="1" applyBorder="1" applyAlignment="1">
      <alignment horizontal="distributed" vertical="center" indent="1"/>
    </xf>
    <xf numFmtId="176" fontId="6" fillId="0" borderId="25" xfId="0" applyNumberFormat="1" applyFont="1" applyBorder="1" applyAlignment="1">
      <alignment horizontal="distributed" vertical="center" indent="1"/>
    </xf>
    <xf numFmtId="176" fontId="6" fillId="0" borderId="34" xfId="0" applyNumberFormat="1" applyFont="1" applyBorder="1" applyAlignment="1">
      <alignment horizontal="distributed" vertical="center" indent="1"/>
    </xf>
    <xf numFmtId="178" fontId="6" fillId="0" borderId="7" xfId="0" applyNumberFormat="1" applyFont="1" applyBorder="1" applyAlignment="1">
      <alignment horizontal="right" vertical="center"/>
    </xf>
    <xf numFmtId="178" fontId="6" fillId="0" borderId="23" xfId="0" applyNumberFormat="1" applyFont="1" applyBorder="1" applyAlignment="1">
      <alignment horizontal="right" vertical="center"/>
    </xf>
    <xf numFmtId="178" fontId="19" fillId="4" borderId="0" xfId="0" applyNumberFormat="1" applyFont="1" applyFill="1" applyAlignment="1" applyProtection="1">
      <alignment horizontal="right" vertical="center"/>
      <protection locked="0"/>
    </xf>
    <xf numFmtId="178" fontId="19" fillId="4" borderId="17" xfId="0" applyNumberFormat="1" applyFont="1" applyFill="1" applyBorder="1" applyAlignment="1" applyProtection="1">
      <alignment horizontal="right" vertical="center"/>
      <protection locked="0"/>
    </xf>
    <xf numFmtId="176" fontId="6" fillId="0" borderId="26" xfId="0" applyNumberFormat="1" applyFont="1" applyBorder="1" applyAlignment="1">
      <alignment horizontal="distributed" vertical="center" indent="1"/>
    </xf>
    <xf numFmtId="178" fontId="19" fillId="4" borderId="0" xfId="0" applyNumberFormat="1" applyFont="1" applyFill="1" applyAlignment="1" applyProtection="1">
      <alignment vertical="center"/>
      <protection locked="0"/>
    </xf>
    <xf numFmtId="178" fontId="11" fillId="0" borderId="14" xfId="0" applyNumberFormat="1" applyFont="1" applyBorder="1" applyAlignment="1">
      <alignment horizontal="right" vertical="center"/>
    </xf>
    <xf numFmtId="178" fontId="11" fillId="0" borderId="1" xfId="0" applyNumberFormat="1" applyFont="1" applyBorder="1" applyAlignment="1">
      <alignment horizontal="right" vertical="center"/>
    </xf>
    <xf numFmtId="178" fontId="6" fillId="0" borderId="29" xfId="0" applyNumberFormat="1" applyFont="1" applyBorder="1" applyAlignment="1">
      <alignment horizontal="right" vertical="center"/>
    </xf>
    <xf numFmtId="176" fontId="11" fillId="0" borderId="14" xfId="0" applyNumberFormat="1" applyFont="1" applyBorder="1" applyAlignment="1">
      <alignment horizontal="right" vertical="center"/>
    </xf>
    <xf numFmtId="0" fontId="6" fillId="0" borderId="33" xfId="0" applyFont="1" applyBorder="1" applyAlignment="1">
      <alignment horizontal="distributed" vertical="center" indent="2"/>
    </xf>
    <xf numFmtId="176" fontId="6" fillId="4" borderId="13" xfId="0" applyNumberFormat="1" applyFont="1" applyFill="1" applyBorder="1" applyAlignment="1">
      <alignment horizontal="right" vertical="center"/>
    </xf>
    <xf numFmtId="176" fontId="6" fillId="4" borderId="0" xfId="0" applyNumberFormat="1" applyFont="1" applyFill="1" applyAlignment="1">
      <alignment horizontal="right" vertical="center"/>
    </xf>
    <xf numFmtId="0" fontId="6" fillId="0" borderId="30" xfId="0" applyFont="1" applyBorder="1" applyAlignment="1">
      <alignment horizontal="distributed" vertical="center" indent="3"/>
    </xf>
    <xf numFmtId="0" fontId="6" fillId="0" borderId="31" xfId="0" applyFont="1" applyBorder="1" applyAlignment="1">
      <alignment horizontal="distributed" vertical="center" indent="3"/>
    </xf>
    <xf numFmtId="0" fontId="6" fillId="0" borderId="32" xfId="0" applyFont="1" applyBorder="1" applyAlignment="1">
      <alignment horizontal="distributed" vertical="center" indent="3"/>
    </xf>
    <xf numFmtId="0" fontId="6" fillId="0" borderId="18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181" fontId="11" fillId="0" borderId="0" xfId="1" applyNumberFormat="1" applyFont="1" applyFill="1" applyBorder="1" applyAlignment="1" applyProtection="1">
      <alignment horizontal="right" vertical="center"/>
      <protection locked="0"/>
    </xf>
    <xf numFmtId="0" fontId="6" fillId="0" borderId="49" xfId="0" applyFont="1" applyBorder="1" applyAlignment="1">
      <alignment horizontal="right" vertical="center"/>
    </xf>
    <xf numFmtId="0" fontId="6" fillId="0" borderId="6" xfId="0" applyFont="1" applyBorder="1" applyAlignment="1">
      <alignment horizontal="right" vertical="center"/>
    </xf>
    <xf numFmtId="0" fontId="6" fillId="0" borderId="27" xfId="0" applyFont="1" applyBorder="1" applyAlignment="1">
      <alignment horizontal="right" vertical="center"/>
    </xf>
    <xf numFmtId="176" fontId="11" fillId="0" borderId="1" xfId="4" applyNumberFormat="1" applyFont="1" applyBorder="1" applyAlignment="1" applyProtection="1">
      <alignment horizontal="right" vertical="center"/>
      <protection locked="0"/>
    </xf>
    <xf numFmtId="181" fontId="6" fillId="0" borderId="7" xfId="1" applyNumberFormat="1" applyFont="1" applyFill="1" applyBorder="1" applyAlignment="1" applyProtection="1">
      <alignment vertical="center"/>
      <protection locked="0"/>
    </xf>
    <xf numFmtId="0" fontId="6" fillId="0" borderId="29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6" fillId="0" borderId="23" xfId="0" applyFont="1" applyBorder="1" applyAlignment="1">
      <alignment horizontal="center" vertical="center" wrapText="1"/>
    </xf>
    <xf numFmtId="181" fontId="11" fillId="0" borderId="1" xfId="1" applyNumberFormat="1" applyFont="1" applyFill="1" applyBorder="1" applyAlignment="1" applyProtection="1">
      <alignment horizontal="right" vertical="center"/>
      <protection locked="0"/>
    </xf>
    <xf numFmtId="182" fontId="11" fillId="0" borderId="4" xfId="0" applyNumberFormat="1" applyFont="1" applyBorder="1" applyAlignment="1">
      <alignment horizontal="right" vertical="center" shrinkToFit="1"/>
    </xf>
    <xf numFmtId="182" fontId="11" fillId="0" borderId="7" xfId="0" applyNumberFormat="1" applyFont="1" applyBorder="1" applyAlignment="1">
      <alignment horizontal="right" vertical="center" shrinkToFit="1"/>
    </xf>
    <xf numFmtId="182" fontId="11" fillId="0" borderId="8" xfId="0" applyNumberFormat="1" applyFont="1" applyBorder="1" applyAlignment="1">
      <alignment horizontal="right" vertical="center" shrinkToFit="1"/>
    </xf>
    <xf numFmtId="182" fontId="11" fillId="0" borderId="3" xfId="0" applyNumberFormat="1" applyFont="1" applyBorder="1" applyAlignment="1">
      <alignment horizontal="right" vertical="center" shrinkToFit="1"/>
    </xf>
    <xf numFmtId="182" fontId="11" fillId="0" borderId="1" xfId="0" applyNumberFormat="1" applyFont="1" applyBorder="1" applyAlignment="1">
      <alignment horizontal="right" vertical="center" shrinkToFit="1"/>
    </xf>
    <xf numFmtId="182" fontId="11" fillId="0" borderId="15" xfId="0" applyNumberFormat="1" applyFont="1" applyBorder="1" applyAlignment="1">
      <alignment horizontal="right" vertical="center" shrinkToFit="1"/>
    </xf>
    <xf numFmtId="181" fontId="11" fillId="0" borderId="13" xfId="1" applyNumberFormat="1" applyFont="1" applyFill="1" applyBorder="1" applyAlignment="1" applyProtection="1">
      <alignment vertical="center"/>
      <protection locked="0"/>
    </xf>
    <xf numFmtId="181" fontId="11" fillId="0" borderId="14" xfId="1" applyNumberFormat="1" applyFont="1" applyFill="1" applyBorder="1" applyAlignment="1" applyProtection="1">
      <alignment vertical="center"/>
      <protection locked="0"/>
    </xf>
    <xf numFmtId="183" fontId="11" fillId="0" borderId="1" xfId="0" applyNumberFormat="1" applyFont="1" applyBorder="1" applyAlignment="1" applyProtection="1">
      <alignment horizontal="right" vertical="center" indent="2"/>
      <protection locked="0"/>
    </xf>
    <xf numFmtId="183" fontId="11" fillId="0" borderId="16" xfId="0" applyNumberFormat="1" applyFont="1" applyBorder="1" applyAlignment="1" applyProtection="1">
      <alignment horizontal="right" vertical="center" indent="2"/>
      <protection locked="0"/>
    </xf>
    <xf numFmtId="177" fontId="6" fillId="0" borderId="1" xfId="0" applyNumberFormat="1" applyFont="1" applyBorder="1" applyAlignment="1" applyProtection="1">
      <alignment horizontal="right" vertical="center"/>
      <protection locked="0"/>
    </xf>
    <xf numFmtId="183" fontId="6" fillId="0" borderId="7" xfId="0" applyNumberFormat="1" applyFont="1" applyBorder="1" applyAlignment="1">
      <alignment horizontal="right" vertical="center" indent="2"/>
    </xf>
    <xf numFmtId="189" fontId="6" fillId="3" borderId="20" xfId="0" applyNumberFormat="1" applyFont="1" applyFill="1" applyBorder="1" applyAlignment="1">
      <alignment horizontal="center" vertical="center"/>
    </xf>
    <xf numFmtId="189" fontId="6" fillId="3" borderId="6" xfId="0" applyNumberFormat="1" applyFont="1" applyFill="1" applyBorder="1" applyAlignment="1">
      <alignment horizontal="center" vertical="center"/>
    </xf>
    <xf numFmtId="189" fontId="6" fillId="3" borderId="27" xfId="0" applyNumberFormat="1" applyFont="1" applyFill="1" applyBorder="1" applyAlignment="1">
      <alignment horizontal="center" vertical="center"/>
    </xf>
    <xf numFmtId="189" fontId="6" fillId="3" borderId="19" xfId="0" applyNumberFormat="1" applyFont="1" applyFill="1" applyBorder="1" applyAlignment="1">
      <alignment horizontal="center" vertical="center"/>
    </xf>
    <xf numFmtId="189" fontId="6" fillId="3" borderId="18" xfId="0" applyNumberFormat="1" applyFont="1" applyFill="1" applyBorder="1" applyAlignment="1">
      <alignment horizontal="center" vertical="center"/>
    </xf>
    <xf numFmtId="189" fontId="6" fillId="3" borderId="28" xfId="0" applyNumberFormat="1" applyFont="1" applyFill="1" applyBorder="1" applyAlignment="1">
      <alignment horizontal="center" vertical="center"/>
    </xf>
    <xf numFmtId="0" fontId="6" fillId="0" borderId="2" xfId="0" applyFont="1" applyBorder="1" applyAlignment="1">
      <alignment horizontal="distributed" vertical="center" wrapText="1" indent="1" shrinkToFit="1"/>
    </xf>
    <xf numFmtId="0" fontId="6" fillId="0" borderId="0" xfId="0" applyFont="1" applyAlignment="1">
      <alignment horizontal="distributed" vertical="center" wrapText="1" indent="1" shrinkToFit="1"/>
    </xf>
    <xf numFmtId="0" fontId="6" fillId="0" borderId="5" xfId="0" applyFont="1" applyBorder="1" applyAlignment="1">
      <alignment horizontal="distributed" vertical="center" wrapText="1" indent="1" shrinkToFit="1"/>
    </xf>
    <xf numFmtId="177" fontId="11" fillId="4" borderId="7" xfId="0" applyNumberFormat="1" applyFont="1" applyFill="1" applyBorder="1" applyAlignment="1" applyProtection="1">
      <alignment horizontal="right" vertical="center"/>
      <protection locked="0"/>
    </xf>
    <xf numFmtId="183" fontId="11" fillId="0" borderId="7" xfId="0" applyNumberFormat="1" applyFont="1" applyBorder="1" applyAlignment="1">
      <alignment horizontal="right" vertical="center" indent="2"/>
    </xf>
    <xf numFmtId="183" fontId="11" fillId="0" borderId="23" xfId="0" applyNumberFormat="1" applyFont="1" applyBorder="1" applyAlignment="1">
      <alignment horizontal="right" vertical="center" indent="2"/>
    </xf>
    <xf numFmtId="185" fontId="11" fillId="0" borderId="14" xfId="0" applyNumberFormat="1" applyFont="1" applyBorder="1" applyAlignment="1">
      <alignment horizontal="right" vertical="center"/>
    </xf>
    <xf numFmtId="42" fontId="11" fillId="0" borderId="1" xfId="0" applyNumberFormat="1" applyFont="1" applyBorder="1" applyAlignment="1">
      <alignment horizontal="right" vertical="center"/>
    </xf>
    <xf numFmtId="0" fontId="18" fillId="0" borderId="24" xfId="0" applyFont="1" applyBorder="1" applyAlignment="1">
      <alignment horizontal="center" vertical="center" wrapText="1"/>
    </xf>
    <xf numFmtId="0" fontId="18" fillId="0" borderId="25" xfId="0" applyFont="1" applyBorder="1" applyAlignment="1">
      <alignment horizontal="center" vertical="center" wrapText="1"/>
    </xf>
    <xf numFmtId="0" fontId="18" fillId="0" borderId="26" xfId="0" applyFont="1" applyBorder="1" applyAlignment="1">
      <alignment horizontal="center" vertical="center" wrapText="1"/>
    </xf>
    <xf numFmtId="176" fontId="6" fillId="0" borderId="29" xfId="0" applyNumberFormat="1" applyFont="1" applyBorder="1" applyAlignment="1">
      <alignment horizontal="right" vertical="center"/>
    </xf>
    <xf numFmtId="186" fontId="11" fillId="0" borderId="0" xfId="0" applyNumberFormat="1" applyFont="1" applyAlignment="1" applyProtection="1">
      <alignment horizontal="right" vertical="center"/>
      <protection locked="0"/>
    </xf>
    <xf numFmtId="0" fontId="17" fillId="0" borderId="27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191" fontId="6" fillId="0" borderId="0" xfId="0" applyNumberFormat="1" applyFont="1" applyAlignment="1" applyProtection="1">
      <alignment horizontal="right" vertical="center" shrinkToFit="1"/>
      <protection locked="0"/>
    </xf>
    <xf numFmtId="0" fontId="6" fillId="0" borderId="43" xfId="0" applyFont="1" applyBorder="1" applyAlignment="1">
      <alignment horizontal="center" vertical="center" shrinkToFit="1"/>
    </xf>
    <xf numFmtId="0" fontId="6" fillId="0" borderId="25" xfId="0" applyFont="1" applyBorder="1" applyAlignment="1">
      <alignment horizontal="center" vertical="center" shrinkToFit="1"/>
    </xf>
    <xf numFmtId="0" fontId="6" fillId="0" borderId="26" xfId="0" applyFont="1" applyBorder="1" applyAlignment="1">
      <alignment horizontal="center" vertical="center" shrinkToFit="1"/>
    </xf>
    <xf numFmtId="0" fontId="11" fillId="0" borderId="34" xfId="4" applyFont="1" applyBorder="1" applyAlignment="1">
      <alignment horizontal="center" vertical="center"/>
    </xf>
    <xf numFmtId="0" fontId="11" fillId="0" borderId="35" xfId="4" applyFont="1" applyBorder="1" applyAlignment="1">
      <alignment horizontal="center" vertical="center"/>
    </xf>
    <xf numFmtId="0" fontId="11" fillId="0" borderId="34" xfId="0" applyFont="1" applyBorder="1" applyAlignment="1">
      <alignment horizontal="center" vertical="center" shrinkToFit="1"/>
    </xf>
    <xf numFmtId="0" fontId="11" fillId="0" borderId="35" xfId="0" applyFont="1" applyBorder="1" applyAlignment="1">
      <alignment horizontal="center" vertical="center" shrinkToFit="1"/>
    </xf>
    <xf numFmtId="0" fontId="11" fillId="0" borderId="36" xfId="0" applyFont="1" applyBorder="1" applyAlignment="1">
      <alignment horizontal="center" vertical="center" shrinkToFit="1"/>
    </xf>
    <xf numFmtId="179" fontId="6" fillId="0" borderId="0" xfId="0" applyNumberFormat="1" applyFont="1" applyAlignment="1">
      <alignment horizontal="right" vertical="center"/>
    </xf>
    <xf numFmtId="179" fontId="6" fillId="0" borderId="17" xfId="0" applyNumberFormat="1" applyFont="1" applyBorder="1" applyAlignment="1">
      <alignment horizontal="right" vertical="center"/>
    </xf>
    <xf numFmtId="176" fontId="6" fillId="0" borderId="13" xfId="2" applyNumberFormat="1" applyFont="1" applyBorder="1" applyAlignment="1">
      <alignment horizontal="right" vertical="center"/>
    </xf>
    <xf numFmtId="176" fontId="11" fillId="0" borderId="25" xfId="0" applyNumberFormat="1" applyFont="1" applyBorder="1" applyAlignment="1">
      <alignment horizontal="center" vertical="center"/>
    </xf>
    <xf numFmtId="176" fontId="6" fillId="0" borderId="14" xfId="2" applyNumberFormat="1" applyFont="1" applyBorder="1" applyAlignment="1">
      <alignment horizontal="right" vertical="center"/>
    </xf>
    <xf numFmtId="176" fontId="6" fillId="0" borderId="1" xfId="2" applyNumberFormat="1" applyFont="1" applyBorder="1" applyAlignment="1">
      <alignment horizontal="right" vertical="center"/>
    </xf>
    <xf numFmtId="0" fontId="11" fillId="0" borderId="3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/>
    </xf>
    <xf numFmtId="178" fontId="6" fillId="0" borderId="53" xfId="0" applyNumberFormat="1" applyFont="1" applyBorder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8" fillId="0" borderId="5" xfId="0" applyFont="1" applyBorder="1" applyAlignment="1">
      <alignment horizontal="left" vertical="center"/>
    </xf>
    <xf numFmtId="0" fontId="12" fillId="0" borderId="20" xfId="0" applyFont="1" applyBorder="1" applyAlignment="1">
      <alignment horizontal="center" vertical="center" wrapText="1"/>
    </xf>
    <xf numFmtId="0" fontId="12" fillId="0" borderId="6" xfId="0" applyFont="1" applyBorder="1" applyAlignment="1">
      <alignment horizontal="center" vertical="center" wrapText="1"/>
    </xf>
    <xf numFmtId="0" fontId="12" fillId="0" borderId="27" xfId="0" applyFont="1" applyBorder="1" applyAlignment="1">
      <alignment horizontal="center" vertical="center" wrapText="1"/>
    </xf>
    <xf numFmtId="0" fontId="12" fillId="0" borderId="19" xfId="0" applyFont="1" applyBorder="1" applyAlignment="1">
      <alignment horizontal="center" vertical="center" wrapText="1"/>
    </xf>
    <xf numFmtId="0" fontId="12" fillId="0" borderId="18" xfId="0" applyFont="1" applyBorder="1" applyAlignment="1">
      <alignment horizontal="center" vertical="center" wrapText="1"/>
    </xf>
    <xf numFmtId="0" fontId="12" fillId="0" borderId="28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center"/>
    </xf>
    <xf numFmtId="0" fontId="6" fillId="0" borderId="5" xfId="0" applyFont="1" applyBorder="1" applyAlignment="1">
      <alignment horizontal="left" vertical="center"/>
    </xf>
    <xf numFmtId="0" fontId="6" fillId="0" borderId="4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 shrinkToFit="1"/>
    </xf>
    <xf numFmtId="0" fontId="6" fillId="0" borderId="34" xfId="4" applyFont="1" applyBorder="1" applyAlignment="1">
      <alignment horizontal="center" vertical="center"/>
    </xf>
    <xf numFmtId="0" fontId="6" fillId="0" borderId="35" xfId="4" applyFont="1" applyBorder="1" applyAlignment="1">
      <alignment horizontal="center" vertical="center"/>
    </xf>
    <xf numFmtId="0" fontId="6" fillId="0" borderId="36" xfId="4" applyFont="1" applyBorder="1" applyAlignment="1">
      <alignment horizontal="center" vertical="center"/>
    </xf>
    <xf numFmtId="189" fontId="11" fillId="0" borderId="45" xfId="0" applyNumberFormat="1" applyFont="1" applyBorder="1" applyAlignment="1">
      <alignment horizontal="center" vertical="center"/>
    </xf>
    <xf numFmtId="189" fontId="11" fillId="0" borderId="38" xfId="0" applyNumberFormat="1" applyFont="1" applyBorder="1" applyAlignment="1">
      <alignment horizontal="center" vertical="center"/>
    </xf>
    <xf numFmtId="189" fontId="11" fillId="0" borderId="33" xfId="0" applyNumberFormat="1" applyFont="1" applyBorder="1" applyAlignment="1">
      <alignment horizontal="center" vertical="center"/>
    </xf>
    <xf numFmtId="189" fontId="11" fillId="0" borderId="41" xfId="0" applyNumberFormat="1" applyFont="1" applyBorder="1" applyAlignment="1">
      <alignment horizontal="center" vertical="center"/>
    </xf>
    <xf numFmtId="0" fontId="6" fillId="0" borderId="49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27" xfId="0" applyFont="1" applyBorder="1" applyAlignment="1">
      <alignment horizontal="center" vertical="center"/>
    </xf>
    <xf numFmtId="0" fontId="6" fillId="0" borderId="52" xfId="0" applyFont="1" applyBorder="1" applyAlignment="1">
      <alignment horizontal="center" vertical="center"/>
    </xf>
    <xf numFmtId="41" fontId="6" fillId="0" borderId="7" xfId="0" applyNumberFormat="1" applyFont="1" applyBorder="1" applyAlignment="1">
      <alignment horizontal="right" vertical="center"/>
    </xf>
    <xf numFmtId="0" fontId="6" fillId="0" borderId="24" xfId="4" applyFont="1" applyBorder="1" applyAlignment="1">
      <alignment horizontal="center" vertical="center"/>
    </xf>
    <xf numFmtId="0" fontId="6" fillId="0" borderId="25" xfId="4" applyFont="1" applyBorder="1" applyAlignment="1">
      <alignment horizontal="center" vertical="center"/>
    </xf>
    <xf numFmtId="0" fontId="6" fillId="0" borderId="44" xfId="4" applyFont="1" applyBorder="1" applyAlignment="1">
      <alignment horizontal="center" vertical="center"/>
    </xf>
    <xf numFmtId="41" fontId="11" fillId="0" borderId="1" xfId="0" applyNumberFormat="1" applyFont="1" applyBorder="1" applyAlignment="1">
      <alignment horizontal="right" vertical="center"/>
    </xf>
    <xf numFmtId="0" fontId="11" fillId="0" borderId="1" xfId="0" applyFont="1" applyBorder="1" applyAlignment="1">
      <alignment horizontal="left" vertical="center"/>
    </xf>
    <xf numFmtId="0" fontId="11" fillId="0" borderId="15" xfId="0" applyFont="1" applyBorder="1" applyAlignment="1">
      <alignment horizontal="left" vertical="center"/>
    </xf>
    <xf numFmtId="41" fontId="11" fillId="0" borderId="0" xfId="0" applyNumberFormat="1" applyFont="1" applyAlignment="1">
      <alignment horizontal="right" vertical="center"/>
    </xf>
    <xf numFmtId="0" fontId="6" fillId="0" borderId="7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186" fontId="6" fillId="0" borderId="0" xfId="0" applyNumberFormat="1" applyFont="1" applyAlignment="1" applyProtection="1">
      <alignment horizontal="right" vertical="center"/>
      <protection locked="0"/>
    </xf>
    <xf numFmtId="189" fontId="6" fillId="0" borderId="70" xfId="0" applyNumberFormat="1" applyFont="1" applyBorder="1" applyAlignment="1">
      <alignment horizontal="center" vertical="center"/>
    </xf>
    <xf numFmtId="189" fontId="6" fillId="0" borderId="38" xfId="0" applyNumberFormat="1" applyFont="1" applyBorder="1" applyAlignment="1">
      <alignment horizontal="center" vertical="center"/>
    </xf>
    <xf numFmtId="189" fontId="6" fillId="0" borderId="39" xfId="0" applyNumberFormat="1" applyFont="1" applyBorder="1" applyAlignment="1">
      <alignment horizontal="center" vertical="center"/>
    </xf>
    <xf numFmtId="189" fontId="6" fillId="0" borderId="71" xfId="0" applyNumberFormat="1" applyFont="1" applyBorder="1" applyAlignment="1">
      <alignment horizontal="center" vertical="center"/>
    </xf>
    <xf numFmtId="189" fontId="6" fillId="0" borderId="41" xfId="0" applyNumberFormat="1" applyFont="1" applyBorder="1" applyAlignment="1">
      <alignment horizontal="center" vertical="center"/>
    </xf>
    <xf numFmtId="189" fontId="6" fillId="0" borderId="42" xfId="0" applyNumberFormat="1" applyFont="1" applyBorder="1" applyAlignment="1">
      <alignment horizontal="center" vertical="center"/>
    </xf>
    <xf numFmtId="176" fontId="6" fillId="0" borderId="29" xfId="2" applyNumberFormat="1" applyFont="1" applyBorder="1" applyAlignment="1">
      <alignment horizontal="right" vertical="center"/>
    </xf>
    <xf numFmtId="176" fontId="6" fillId="0" borderId="7" xfId="2" applyNumberFormat="1" applyFont="1" applyBorder="1" applyAlignment="1">
      <alignment horizontal="right" vertical="center"/>
    </xf>
    <xf numFmtId="0" fontId="8" fillId="0" borderId="6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8" fillId="0" borderId="6" xfId="0" applyFont="1" applyBorder="1" applyAlignment="1">
      <alignment horizontal="distributed" vertical="center" wrapText="1" indent="4"/>
    </xf>
    <xf numFmtId="0" fontId="8" fillId="0" borderId="31" xfId="0" applyFont="1" applyBorder="1" applyAlignment="1">
      <alignment horizontal="distributed" vertical="center" wrapText="1" indent="4"/>
    </xf>
    <xf numFmtId="0" fontId="8" fillId="0" borderId="32" xfId="0" applyFont="1" applyBorder="1" applyAlignment="1">
      <alignment horizontal="distributed" vertical="center" wrapText="1" indent="4"/>
    </xf>
    <xf numFmtId="0" fontId="8" fillId="0" borderId="2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176" fontId="6" fillId="0" borderId="43" xfId="0" applyNumberFormat="1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189" fontId="6" fillId="0" borderId="63" xfId="0" applyNumberFormat="1" applyFont="1" applyBorder="1" applyAlignment="1">
      <alignment horizontal="center" vertical="center"/>
    </xf>
    <xf numFmtId="189" fontId="6" fillId="0" borderId="64" xfId="0" applyNumberFormat="1" applyFont="1" applyBorder="1" applyAlignment="1">
      <alignment horizontal="center" vertical="center"/>
    </xf>
    <xf numFmtId="189" fontId="11" fillId="0" borderId="65" xfId="0" applyNumberFormat="1" applyFont="1" applyBorder="1" applyAlignment="1">
      <alignment horizontal="center" vertical="center"/>
    </xf>
    <xf numFmtId="189" fontId="11" fillId="0" borderId="58" xfId="0" applyNumberFormat="1" applyFont="1" applyBorder="1" applyAlignment="1">
      <alignment horizontal="center" vertical="center"/>
    </xf>
    <xf numFmtId="189" fontId="11" fillId="0" borderId="66" xfId="0" applyNumberFormat="1" applyFont="1" applyBorder="1" applyAlignment="1">
      <alignment horizontal="center" vertical="center"/>
    </xf>
    <xf numFmtId="189" fontId="11" fillId="0" borderId="61" xfId="0" applyNumberFormat="1" applyFont="1" applyBorder="1" applyAlignment="1">
      <alignment horizontal="center" vertical="center"/>
    </xf>
    <xf numFmtId="185" fontId="11" fillId="0" borderId="16" xfId="0" applyNumberFormat="1" applyFont="1" applyBorder="1" applyAlignment="1">
      <alignment horizontal="right" vertical="center"/>
    </xf>
    <xf numFmtId="188" fontId="6" fillId="0" borderId="1" xfId="0" applyNumberFormat="1" applyFont="1" applyBorder="1" applyAlignment="1" applyProtection="1">
      <alignment horizontal="right" vertical="center" shrinkToFit="1"/>
      <protection locked="0"/>
    </xf>
    <xf numFmtId="0" fontId="6" fillId="0" borderId="26" xfId="0" applyFont="1" applyBorder="1" applyAlignment="1">
      <alignment horizontal="distributed" vertical="center" indent="2"/>
    </xf>
    <xf numFmtId="0" fontId="6" fillId="0" borderId="1" xfId="0" applyFont="1" applyBorder="1" applyAlignment="1">
      <alignment horizontal="distributed" vertical="center" justifyLastLine="1"/>
    </xf>
    <xf numFmtId="0" fontId="6" fillId="0" borderId="15" xfId="0" applyFont="1" applyBorder="1" applyAlignment="1">
      <alignment horizontal="distributed" vertical="center" justifyLastLine="1"/>
    </xf>
    <xf numFmtId="179" fontId="11" fillId="0" borderId="16" xfId="0" applyNumberFormat="1" applyFont="1" applyBorder="1" applyAlignment="1">
      <alignment horizontal="right" vertical="center"/>
    </xf>
    <xf numFmtId="0" fontId="6" fillId="0" borderId="4" xfId="0" applyFont="1" applyBorder="1" applyAlignment="1">
      <alignment horizontal="left" vertical="center"/>
    </xf>
    <xf numFmtId="177" fontId="6" fillId="0" borderId="29" xfId="0" applyNumberFormat="1" applyFont="1" applyBorder="1" applyAlignment="1">
      <alignment horizontal="right" vertical="center"/>
    </xf>
    <xf numFmtId="41" fontId="6" fillId="0" borderId="29" xfId="0" applyNumberFormat="1" applyFont="1" applyBorder="1" applyAlignment="1" applyProtection="1">
      <alignment horizontal="right" vertical="center"/>
      <protection locked="0"/>
    </xf>
    <xf numFmtId="0" fontId="6" fillId="0" borderId="69" xfId="0" applyFont="1" applyBorder="1" applyAlignment="1">
      <alignment horizontal="distributed" vertical="center" justifyLastLine="1"/>
    </xf>
    <xf numFmtId="0" fontId="20" fillId="0" borderId="4" xfId="0" applyFont="1" applyBorder="1" applyAlignment="1">
      <alignment horizontal="distributed" vertical="center" indent="1"/>
    </xf>
    <xf numFmtId="0" fontId="20" fillId="0" borderId="7" xfId="0" applyFont="1" applyBorder="1" applyAlignment="1">
      <alignment horizontal="distributed" vertical="center" indent="1"/>
    </xf>
    <xf numFmtId="0" fontId="20" fillId="0" borderId="8" xfId="0" applyFont="1" applyBorder="1" applyAlignment="1">
      <alignment horizontal="distributed" vertical="center" indent="1"/>
    </xf>
    <xf numFmtId="185" fontId="11" fillId="4" borderId="7" xfId="0" applyNumberFormat="1" applyFont="1" applyFill="1" applyBorder="1" applyAlignment="1">
      <alignment horizontal="right" vertical="center"/>
    </xf>
    <xf numFmtId="0" fontId="19" fillId="0" borderId="14" xfId="0" applyFont="1" applyBorder="1" applyAlignment="1">
      <alignment horizontal="center" vertical="center"/>
    </xf>
    <xf numFmtId="0" fontId="19" fillId="0" borderId="16" xfId="0" applyFont="1" applyBorder="1" applyAlignment="1">
      <alignment horizontal="center" vertical="center"/>
    </xf>
    <xf numFmtId="176" fontId="11" fillId="0" borderId="14" xfId="0" applyNumberFormat="1" applyFont="1" applyBorder="1" applyAlignment="1" applyProtection="1">
      <alignment horizontal="right" vertical="center"/>
      <protection locked="0"/>
    </xf>
    <xf numFmtId="0" fontId="6" fillId="0" borderId="55" xfId="0" applyFont="1" applyBorder="1" applyAlignment="1">
      <alignment horizontal="center" vertical="center"/>
    </xf>
    <xf numFmtId="0" fontId="6" fillId="0" borderId="56" xfId="0" applyFont="1" applyBorder="1" applyAlignment="1">
      <alignment horizontal="center" vertical="center"/>
    </xf>
    <xf numFmtId="0" fontId="11" fillId="0" borderId="78" xfId="0" applyFont="1" applyBorder="1" applyAlignment="1">
      <alignment horizontal="distributed" vertical="center" indent="2"/>
    </xf>
    <xf numFmtId="0" fontId="11" fillId="0" borderId="7" xfId="0" applyFont="1" applyBorder="1" applyAlignment="1">
      <alignment horizontal="distributed" vertical="center" indent="2"/>
    </xf>
    <xf numFmtId="0" fontId="11" fillId="0" borderId="8" xfId="0" applyFont="1" applyBorder="1" applyAlignment="1">
      <alignment horizontal="distributed" vertical="center" indent="2"/>
    </xf>
    <xf numFmtId="176" fontId="11" fillId="0" borderId="18" xfId="0" applyNumberFormat="1" applyFont="1" applyBorder="1" applyAlignment="1">
      <alignment horizontal="center" vertical="center"/>
    </xf>
    <xf numFmtId="176" fontId="11" fillId="0" borderId="22" xfId="0" applyNumberFormat="1" applyFont="1" applyBorder="1" applyAlignment="1">
      <alignment horizontal="center" vertical="center"/>
    </xf>
    <xf numFmtId="176" fontId="6" fillId="0" borderId="29" xfId="0" applyNumberFormat="1" applyFont="1" applyBorder="1" applyAlignment="1">
      <alignment horizontal="center" vertical="center"/>
    </xf>
    <xf numFmtId="176" fontId="6" fillId="0" borderId="7" xfId="0" applyNumberFormat="1" applyFont="1" applyBorder="1" applyAlignment="1">
      <alignment horizontal="center" vertical="center"/>
    </xf>
    <xf numFmtId="176" fontId="6" fillId="0" borderId="8" xfId="0" applyNumberFormat="1" applyFont="1" applyBorder="1" applyAlignment="1">
      <alignment horizontal="center" vertical="center"/>
    </xf>
    <xf numFmtId="188" fontId="6" fillId="0" borderId="16" xfId="0" applyNumberFormat="1" applyFont="1" applyBorder="1" applyAlignment="1" applyProtection="1">
      <alignment horizontal="right" vertical="center" shrinkToFit="1"/>
      <protection locked="0"/>
    </xf>
    <xf numFmtId="178" fontId="10" fillId="0" borderId="1" xfId="0" applyNumberFormat="1" applyFont="1" applyBorder="1" applyAlignment="1" applyProtection="1">
      <alignment horizontal="right" vertical="center" shrinkToFit="1"/>
      <protection locked="0"/>
    </xf>
    <xf numFmtId="178" fontId="10" fillId="0" borderId="16" xfId="0" applyNumberFormat="1" applyFont="1" applyBorder="1" applyAlignment="1" applyProtection="1">
      <alignment horizontal="right" vertical="center" shrinkToFit="1"/>
      <protection locked="0"/>
    </xf>
    <xf numFmtId="176" fontId="11" fillId="0" borderId="24" xfId="0" applyNumberFormat="1" applyFont="1" applyBorder="1" applyAlignment="1">
      <alignment horizontal="center" vertical="center"/>
    </xf>
    <xf numFmtId="176" fontId="11" fillId="0" borderId="26" xfId="0" applyNumberFormat="1" applyFont="1" applyBorder="1" applyAlignment="1">
      <alignment horizontal="center" vertical="center"/>
    </xf>
    <xf numFmtId="0" fontId="6" fillId="0" borderId="72" xfId="0" applyFont="1" applyBorder="1" applyAlignment="1">
      <alignment horizontal="distributed" vertical="center" indent="1"/>
    </xf>
    <xf numFmtId="0" fontId="6" fillId="0" borderId="24" xfId="0" applyFont="1" applyBorder="1" applyAlignment="1">
      <alignment horizontal="center" vertical="center"/>
    </xf>
    <xf numFmtId="0" fontId="6" fillId="0" borderId="25" xfId="0" applyFont="1" applyBorder="1" applyAlignment="1">
      <alignment horizontal="center" vertical="center"/>
    </xf>
    <xf numFmtId="0" fontId="6" fillId="0" borderId="26" xfId="0" applyFont="1" applyBorder="1" applyAlignment="1">
      <alignment horizontal="center" vertical="center"/>
    </xf>
    <xf numFmtId="178" fontId="11" fillId="0" borderId="76" xfId="0" applyNumberFormat="1" applyFont="1" applyBorder="1" applyAlignment="1">
      <alignment horizontal="right" vertical="center"/>
    </xf>
    <xf numFmtId="178" fontId="11" fillId="0" borderId="8" xfId="0" applyNumberFormat="1" applyFont="1" applyBorder="1" applyAlignment="1">
      <alignment horizontal="right" vertical="center"/>
    </xf>
    <xf numFmtId="176" fontId="11" fillId="0" borderId="0" xfId="0" applyNumberFormat="1" applyFont="1" applyAlignment="1">
      <alignment horizontal="center" vertical="center"/>
    </xf>
    <xf numFmtId="176" fontId="11" fillId="0" borderId="17" xfId="0" applyNumberFormat="1" applyFont="1" applyBorder="1" applyAlignment="1">
      <alignment horizontal="center" vertical="center"/>
    </xf>
    <xf numFmtId="0" fontId="11" fillId="0" borderId="25" xfId="0" applyFont="1" applyBorder="1" applyAlignment="1">
      <alignment horizontal="center" vertical="center"/>
    </xf>
    <xf numFmtId="0" fontId="11" fillId="0" borderId="26" xfId="0" applyFont="1" applyBorder="1" applyAlignment="1">
      <alignment horizontal="center" vertical="center"/>
    </xf>
    <xf numFmtId="0" fontId="11" fillId="0" borderId="34" xfId="0" applyFont="1" applyBorder="1" applyAlignment="1">
      <alignment horizontal="center" vertical="center"/>
    </xf>
    <xf numFmtId="189" fontId="11" fillId="0" borderId="20" xfId="0" applyNumberFormat="1" applyFont="1" applyBorder="1" applyAlignment="1">
      <alignment horizontal="center" vertical="center"/>
    </xf>
    <xf numFmtId="189" fontId="11" fillId="0" borderId="19" xfId="0" applyNumberFormat="1" applyFont="1" applyBorder="1" applyAlignment="1">
      <alignment horizontal="center" vertical="center"/>
    </xf>
    <xf numFmtId="0" fontId="6" fillId="0" borderId="4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8" xfId="0" applyFont="1" applyBorder="1" applyAlignment="1">
      <alignment vertical="center"/>
    </xf>
    <xf numFmtId="0" fontId="11" fillId="0" borderId="24" xfId="0" applyFont="1" applyBorder="1" applyAlignment="1">
      <alignment horizontal="center" vertical="center"/>
    </xf>
    <xf numFmtId="186" fontId="11" fillId="0" borderId="0" xfId="0" applyNumberFormat="1" applyFont="1" applyAlignment="1">
      <alignment horizontal="right" vertical="center"/>
    </xf>
    <xf numFmtId="0" fontId="6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12" fillId="0" borderId="79" xfId="0" applyFont="1" applyBorder="1" applyAlignment="1">
      <alignment horizontal="distributed" vertical="center" wrapText="1" indent="1"/>
    </xf>
    <xf numFmtId="0" fontId="12" fillId="0" borderId="79" xfId="0" applyFont="1" applyBorder="1" applyAlignment="1">
      <alignment horizontal="distributed" vertical="center" indent="1"/>
    </xf>
    <xf numFmtId="0" fontId="12" fillId="0" borderId="14" xfId="0" applyFont="1" applyBorder="1" applyAlignment="1">
      <alignment horizontal="distributed" vertical="center" indent="1"/>
    </xf>
    <xf numFmtId="0" fontId="8" fillId="0" borderId="67" xfId="0" applyFont="1" applyBorder="1" applyAlignment="1">
      <alignment horizontal="distributed" vertical="center" indent="1" shrinkToFit="1"/>
    </xf>
    <xf numFmtId="0" fontId="6" fillId="0" borderId="67" xfId="0" applyFont="1" applyBorder="1" applyAlignment="1">
      <alignment horizontal="distributed" vertical="center" indent="1" shrinkToFit="1"/>
    </xf>
    <xf numFmtId="0" fontId="6" fillId="0" borderId="68" xfId="0" applyFont="1" applyBorder="1" applyAlignment="1">
      <alignment horizontal="distributed" vertical="center" indent="1" shrinkToFit="1"/>
    </xf>
    <xf numFmtId="0" fontId="8" fillId="0" borderId="49" xfId="0" applyFont="1" applyBorder="1" applyAlignment="1">
      <alignment horizontal="center" vertical="center"/>
    </xf>
    <xf numFmtId="0" fontId="8" fillId="0" borderId="52" xfId="0" applyFont="1" applyBorder="1" applyAlignment="1">
      <alignment horizontal="center" vertical="center"/>
    </xf>
    <xf numFmtId="178" fontId="6" fillId="0" borderId="16" xfId="0" applyNumberFormat="1" applyFont="1" applyBorder="1" applyAlignment="1" applyProtection="1">
      <alignment horizontal="right" vertical="center" shrinkToFit="1"/>
      <protection locked="0"/>
    </xf>
    <xf numFmtId="0" fontId="6" fillId="0" borderId="48" xfId="0" applyFont="1" applyBorder="1" applyAlignment="1">
      <alignment horizontal="distributed" vertical="center" indent="1"/>
    </xf>
    <xf numFmtId="176" fontId="6" fillId="0" borderId="29" xfId="0" applyNumberFormat="1" applyFont="1" applyBorder="1" applyAlignment="1">
      <alignment vertical="center"/>
    </xf>
    <xf numFmtId="184" fontId="11" fillId="0" borderId="3" xfId="0" applyNumberFormat="1" applyFont="1" applyBorder="1" applyAlignment="1">
      <alignment horizontal="right" vertical="center"/>
    </xf>
    <xf numFmtId="184" fontId="11" fillId="0" borderId="1" xfId="0" applyNumberFormat="1" applyFont="1" applyBorder="1" applyAlignment="1">
      <alignment horizontal="right" vertical="center"/>
    </xf>
    <xf numFmtId="184" fontId="11" fillId="0" borderId="15" xfId="0" applyNumberFormat="1" applyFont="1" applyBorder="1" applyAlignment="1">
      <alignment horizontal="right" vertical="center"/>
    </xf>
    <xf numFmtId="0" fontId="6" fillId="0" borderId="52" xfId="0" applyFont="1" applyBorder="1" applyAlignment="1">
      <alignment horizontal="distributed" vertical="center"/>
    </xf>
    <xf numFmtId="0" fontId="6" fillId="0" borderId="18" xfId="0" applyFont="1" applyBorder="1" applyAlignment="1">
      <alignment horizontal="distributed" vertical="center"/>
    </xf>
    <xf numFmtId="0" fontId="6" fillId="0" borderId="28" xfId="0" applyFont="1" applyBorder="1" applyAlignment="1">
      <alignment horizontal="distributed" vertical="center"/>
    </xf>
    <xf numFmtId="0" fontId="6" fillId="0" borderId="4" xfId="0" applyFont="1" applyBorder="1" applyAlignment="1">
      <alignment horizontal="distributed" vertical="center"/>
    </xf>
    <xf numFmtId="0" fontId="6" fillId="0" borderId="7" xfId="0" applyFont="1" applyBorder="1" applyAlignment="1">
      <alignment horizontal="distributed" vertical="center"/>
    </xf>
    <xf numFmtId="0" fontId="6" fillId="0" borderId="8" xfId="0" applyFont="1" applyBorder="1" applyAlignment="1">
      <alignment horizontal="distributed" vertical="center"/>
    </xf>
    <xf numFmtId="0" fontId="6" fillId="0" borderId="75" xfId="0" applyFont="1" applyBorder="1" applyAlignment="1">
      <alignment horizontal="distributed" vertical="center" indent="1"/>
    </xf>
    <xf numFmtId="0" fontId="6" fillId="0" borderId="30" xfId="0" applyFont="1" applyBorder="1" applyAlignment="1">
      <alignment horizontal="distributed" vertical="center" indent="5"/>
    </xf>
    <xf numFmtId="0" fontId="6" fillId="0" borderId="31" xfId="0" applyFont="1" applyBorder="1" applyAlignment="1">
      <alignment horizontal="distributed" vertical="center" indent="5"/>
    </xf>
    <xf numFmtId="0" fontId="6" fillId="0" borderId="32" xfId="0" applyFont="1" applyBorder="1" applyAlignment="1">
      <alignment horizontal="distributed" vertical="center" indent="5"/>
    </xf>
    <xf numFmtId="0" fontId="8" fillId="0" borderId="7" xfId="0" applyFont="1" applyBorder="1" applyAlignment="1">
      <alignment horizontal="left" vertical="center"/>
    </xf>
    <xf numFmtId="0" fontId="8" fillId="0" borderId="8" xfId="0" applyFont="1" applyBorder="1" applyAlignment="1">
      <alignment horizontal="left" vertical="center"/>
    </xf>
    <xf numFmtId="0" fontId="16" fillId="0" borderId="3" xfId="0" applyFont="1" applyBorder="1" applyAlignment="1">
      <alignment horizontal="center" vertical="center"/>
    </xf>
    <xf numFmtId="0" fontId="16" fillId="0" borderId="1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16" fillId="0" borderId="1" xfId="0" applyFont="1" applyBorder="1" applyAlignment="1">
      <alignment horizontal="left" vertical="center"/>
    </xf>
    <xf numFmtId="0" fontId="16" fillId="0" borderId="15" xfId="0" applyFont="1" applyBorder="1" applyAlignment="1">
      <alignment horizontal="left" vertical="center"/>
    </xf>
    <xf numFmtId="0" fontId="6" fillId="0" borderId="44" xfId="0" applyFont="1" applyBorder="1" applyAlignment="1">
      <alignment horizontal="distributed" vertical="center" indent="1"/>
    </xf>
    <xf numFmtId="0" fontId="6" fillId="0" borderId="67" xfId="0" applyFont="1" applyBorder="1" applyAlignment="1">
      <alignment horizontal="center" vertical="center"/>
    </xf>
    <xf numFmtId="0" fontId="6" fillId="0" borderId="68" xfId="0" applyFont="1" applyBorder="1" applyAlignment="1">
      <alignment horizontal="center" vertical="center"/>
    </xf>
    <xf numFmtId="187" fontId="6" fillId="0" borderId="7" xfId="0" applyNumberFormat="1" applyFont="1" applyBorder="1" applyAlignment="1">
      <alignment horizontal="right" vertical="center"/>
    </xf>
    <xf numFmtId="187" fontId="6" fillId="0" borderId="23" xfId="0" applyNumberFormat="1" applyFont="1" applyBorder="1" applyAlignment="1">
      <alignment horizontal="right" vertical="center"/>
    </xf>
    <xf numFmtId="191" fontId="11" fillId="0" borderId="7" xfId="0" applyNumberFormat="1" applyFont="1" applyBorder="1" applyAlignment="1" applyProtection="1">
      <alignment horizontal="right" vertical="center" shrinkToFit="1"/>
      <protection locked="0"/>
    </xf>
    <xf numFmtId="0" fontId="8" fillId="4" borderId="2" xfId="0" applyFont="1" applyFill="1" applyBorder="1" applyAlignment="1">
      <alignment horizontal="distributed" vertical="center" indent="1"/>
    </xf>
    <xf numFmtId="0" fontId="8" fillId="4" borderId="0" xfId="0" applyFont="1" applyFill="1" applyAlignment="1">
      <alignment horizontal="distributed" vertical="center" indent="1"/>
    </xf>
    <xf numFmtId="0" fontId="8" fillId="4" borderId="5" xfId="0" applyFont="1" applyFill="1" applyBorder="1" applyAlignment="1">
      <alignment horizontal="distributed" vertical="center" indent="1"/>
    </xf>
    <xf numFmtId="42" fontId="21" fillId="0" borderId="13" xfId="0" applyNumberFormat="1" applyFont="1" applyBorder="1" applyAlignment="1" applyProtection="1">
      <alignment horizontal="right" vertical="center"/>
      <protection locked="0"/>
    </xf>
    <xf numFmtId="42" fontId="21" fillId="0" borderId="0" xfId="0" applyNumberFormat="1" applyFont="1" applyAlignment="1" applyProtection="1">
      <alignment horizontal="right" vertical="center"/>
      <protection locked="0"/>
    </xf>
    <xf numFmtId="42" fontId="21" fillId="0" borderId="17" xfId="0" applyNumberFormat="1" applyFont="1" applyBorder="1" applyAlignment="1" applyProtection="1">
      <alignment horizontal="right" vertical="center"/>
      <protection locked="0"/>
    </xf>
    <xf numFmtId="0" fontId="6" fillId="4" borderId="2" xfId="0" applyFont="1" applyFill="1" applyBorder="1" applyAlignment="1">
      <alignment horizontal="distributed" vertical="center" indent="1"/>
    </xf>
    <xf numFmtId="0" fontId="6" fillId="4" borderId="0" xfId="0" applyFont="1" applyFill="1" applyAlignment="1">
      <alignment horizontal="distributed" vertical="center" indent="1"/>
    </xf>
    <xf numFmtId="0" fontId="6" fillId="4" borderId="5" xfId="0" applyFont="1" applyFill="1" applyBorder="1" applyAlignment="1">
      <alignment horizontal="distributed" vertical="center" indent="1"/>
    </xf>
    <xf numFmtId="42" fontId="21" fillId="0" borderId="29" xfId="0" applyNumberFormat="1" applyFont="1" applyBorder="1" applyAlignment="1">
      <alignment horizontal="right" vertical="center"/>
    </xf>
    <xf numFmtId="42" fontId="21" fillId="0" borderId="7" xfId="0" applyNumberFormat="1" applyFont="1" applyBorder="1" applyAlignment="1">
      <alignment horizontal="right" vertical="center"/>
    </xf>
    <xf numFmtId="42" fontId="21" fillId="0" borderId="23" xfId="0" applyNumberFormat="1" applyFont="1" applyBorder="1" applyAlignment="1">
      <alignment horizontal="right" vertical="center"/>
    </xf>
    <xf numFmtId="0" fontId="6" fillId="0" borderId="47" xfId="0" applyFont="1" applyBorder="1" applyAlignment="1">
      <alignment horizontal="distributed" vertical="center" justifyLastLine="1"/>
    </xf>
    <xf numFmtId="41" fontId="6" fillId="0" borderId="6" xfId="0" applyNumberFormat="1" applyFont="1" applyBorder="1" applyAlignment="1">
      <alignment horizontal="right" vertical="center"/>
    </xf>
    <xf numFmtId="0" fontId="12" fillId="4" borderId="2" xfId="0" applyFont="1" applyFill="1" applyBorder="1" applyAlignment="1">
      <alignment horizontal="distributed" vertical="center" indent="1"/>
    </xf>
    <xf numFmtId="0" fontId="12" fillId="4" borderId="0" xfId="0" applyFont="1" applyFill="1" applyAlignment="1">
      <alignment horizontal="distributed" vertical="center" indent="1"/>
    </xf>
    <xf numFmtId="0" fontId="12" fillId="4" borderId="5" xfId="0" applyFont="1" applyFill="1" applyBorder="1" applyAlignment="1">
      <alignment horizontal="distributed" vertical="center" indent="1"/>
    </xf>
    <xf numFmtId="0" fontId="21" fillId="0" borderId="52" xfId="0" applyFont="1" applyBorder="1" applyAlignment="1">
      <alignment horizontal="distributed" vertical="center" indent="1"/>
    </xf>
    <xf numFmtId="0" fontId="21" fillId="0" borderId="18" xfId="0" applyFont="1" applyBorder="1" applyAlignment="1">
      <alignment horizontal="distributed" vertical="center" indent="1"/>
    </xf>
    <xf numFmtId="0" fontId="21" fillId="0" borderId="28" xfId="0" applyFont="1" applyBorder="1" applyAlignment="1">
      <alignment horizontal="distributed" vertical="center" indent="1"/>
    </xf>
    <xf numFmtId="183" fontId="6" fillId="0" borderId="6" xfId="0" applyNumberFormat="1" applyFont="1" applyBorder="1" applyAlignment="1">
      <alignment horizontal="right" vertical="center" indent="2"/>
    </xf>
    <xf numFmtId="0" fontId="6" fillId="4" borderId="4" xfId="0" applyFont="1" applyFill="1" applyBorder="1" applyAlignment="1">
      <alignment horizontal="distributed" vertical="center" indent="1"/>
    </xf>
    <xf numFmtId="0" fontId="6" fillId="4" borderId="7" xfId="0" applyFont="1" applyFill="1" applyBorder="1" applyAlignment="1">
      <alignment horizontal="distributed" vertical="center" indent="1"/>
    </xf>
    <xf numFmtId="0" fontId="6" fillId="4" borderId="8" xfId="0" applyFont="1" applyFill="1" applyBorder="1" applyAlignment="1">
      <alignment horizontal="distributed" vertical="center" indent="1"/>
    </xf>
    <xf numFmtId="176" fontId="21" fillId="0" borderId="13" xfId="0" applyNumberFormat="1" applyFont="1" applyBorder="1" applyAlignment="1">
      <alignment horizontal="right" vertical="center"/>
    </xf>
    <xf numFmtId="176" fontId="21" fillId="0" borderId="0" xfId="0" applyNumberFormat="1" applyFont="1" applyAlignment="1">
      <alignment horizontal="right" vertical="center"/>
    </xf>
    <xf numFmtId="176" fontId="21" fillId="0" borderId="5" xfId="0" applyNumberFormat="1" applyFont="1" applyBorder="1" applyAlignment="1">
      <alignment horizontal="right" vertical="center"/>
    </xf>
    <xf numFmtId="176" fontId="21" fillId="0" borderId="29" xfId="2" applyNumberFormat="1" applyFont="1" applyBorder="1" applyAlignment="1">
      <alignment horizontal="right" vertical="center" shrinkToFit="1"/>
    </xf>
    <xf numFmtId="176" fontId="21" fillId="0" borderId="7" xfId="2" applyNumberFormat="1" applyFont="1" applyBorder="1" applyAlignment="1">
      <alignment horizontal="right" vertical="center" shrinkToFit="1"/>
    </xf>
    <xf numFmtId="176" fontId="21" fillId="0" borderId="8" xfId="2" applyNumberFormat="1" applyFont="1" applyBorder="1" applyAlignment="1">
      <alignment horizontal="right" vertical="center" shrinkToFit="1"/>
    </xf>
    <xf numFmtId="178" fontId="11" fillId="0" borderId="24" xfId="0" applyNumberFormat="1" applyFont="1" applyBorder="1" applyAlignment="1">
      <alignment horizontal="distributed" vertical="center" justifyLastLine="1"/>
    </xf>
    <xf numFmtId="178" fontId="11" fillId="0" borderId="25" xfId="0" applyNumberFormat="1" applyFont="1" applyBorder="1" applyAlignment="1">
      <alignment horizontal="distributed" vertical="center" justifyLastLine="1"/>
    </xf>
    <xf numFmtId="178" fontId="11" fillId="0" borderId="34" xfId="0" applyNumberFormat="1" applyFont="1" applyBorder="1" applyAlignment="1">
      <alignment horizontal="distributed" vertical="center" justifyLastLine="1"/>
    </xf>
    <xf numFmtId="0" fontId="6" fillId="0" borderId="4" xfId="0" applyFont="1" applyBorder="1" applyAlignment="1">
      <alignment horizontal="distributed" vertical="center" justifyLastLine="1"/>
    </xf>
    <xf numFmtId="0" fontId="6" fillId="0" borderId="7" xfId="0" applyFont="1" applyBorder="1" applyAlignment="1">
      <alignment horizontal="distributed" vertical="center" justifyLastLine="1"/>
    </xf>
    <xf numFmtId="0" fontId="6" fillId="0" borderId="8" xfId="0" applyFont="1" applyBorder="1" applyAlignment="1">
      <alignment horizontal="distributed" vertical="center" justifyLastLine="1"/>
    </xf>
    <xf numFmtId="42" fontId="6" fillId="0" borderId="7" xfId="0" applyNumberFormat="1" applyFont="1" applyBorder="1" applyAlignment="1">
      <alignment horizontal="right" vertical="center"/>
    </xf>
    <xf numFmtId="0" fontId="19" fillId="0" borderId="1" xfId="0" applyFont="1" applyBorder="1" applyAlignment="1">
      <alignment horizontal="distributed" vertical="center" indent="1"/>
    </xf>
    <xf numFmtId="0" fontId="19" fillId="0" borderId="15" xfId="0" applyFont="1" applyBorder="1" applyAlignment="1">
      <alignment horizontal="distributed" vertical="center" indent="1"/>
    </xf>
    <xf numFmtId="0" fontId="6" fillId="0" borderId="3" xfId="0" applyFont="1" applyBorder="1" applyAlignment="1">
      <alignment horizontal="distributed" vertical="center" wrapText="1" indent="1"/>
    </xf>
    <xf numFmtId="0" fontId="6" fillId="0" borderId="1" xfId="0" applyFont="1" applyBorder="1" applyAlignment="1">
      <alignment horizontal="distributed" vertical="center" wrapText="1" indent="1"/>
    </xf>
    <xf numFmtId="0" fontId="6" fillId="0" borderId="15" xfId="0" applyFont="1" applyBorder="1" applyAlignment="1">
      <alignment horizontal="distributed" vertical="center" wrapText="1" indent="1"/>
    </xf>
    <xf numFmtId="41" fontId="21" fillId="4" borderId="1" xfId="0" applyNumberFormat="1" applyFont="1" applyFill="1" applyBorder="1" applyAlignment="1">
      <alignment horizontal="right" vertical="center"/>
    </xf>
    <xf numFmtId="0" fontId="24" fillId="0" borderId="0" xfId="0" applyFont="1" applyAlignment="1">
      <alignment horizontal="distributed" vertical="center" indent="1"/>
    </xf>
    <xf numFmtId="0" fontId="24" fillId="0" borderId="5" xfId="0" applyFont="1" applyBorder="1" applyAlignment="1">
      <alignment horizontal="distributed" vertical="center" indent="1"/>
    </xf>
    <xf numFmtId="0" fontId="6" fillId="0" borderId="38" xfId="0" applyFont="1" applyBorder="1" applyAlignment="1">
      <alignment horizontal="center" vertical="center" wrapText="1"/>
    </xf>
    <xf numFmtId="0" fontId="6" fillId="0" borderId="41" xfId="0" applyFont="1" applyBorder="1" applyAlignment="1">
      <alignment horizontal="center" vertical="center" wrapText="1"/>
    </xf>
    <xf numFmtId="177" fontId="21" fillId="0" borderId="13" xfId="0" applyNumberFormat="1" applyFont="1" applyBorder="1" applyAlignment="1">
      <alignment horizontal="right" vertical="center"/>
    </xf>
    <xf numFmtId="177" fontId="21" fillId="0" borderId="0" xfId="0" applyNumberFormat="1" applyFont="1" applyAlignment="1">
      <alignment horizontal="right" vertical="center"/>
    </xf>
    <xf numFmtId="177" fontId="21" fillId="0" borderId="5" xfId="0" applyNumberFormat="1" applyFont="1" applyBorder="1" applyAlignment="1">
      <alignment horizontal="right" vertical="center"/>
    </xf>
    <xf numFmtId="0" fontId="21" fillId="0" borderId="4" xfId="0" applyFont="1" applyBorder="1" applyAlignment="1">
      <alignment horizontal="distributed" vertical="center" indent="1"/>
    </xf>
    <xf numFmtId="0" fontId="21" fillId="0" borderId="7" xfId="0" applyFont="1" applyBorder="1" applyAlignment="1">
      <alignment horizontal="distributed" vertical="center" indent="1"/>
    </xf>
    <xf numFmtId="0" fontId="21" fillId="0" borderId="8" xfId="0" applyFont="1" applyBorder="1" applyAlignment="1">
      <alignment horizontal="distributed" vertical="center" indent="1"/>
    </xf>
    <xf numFmtId="181" fontId="6" fillId="0" borderId="13" xfId="1" applyNumberFormat="1" applyFont="1" applyFill="1" applyBorder="1" applyAlignment="1" applyProtection="1">
      <alignment vertical="center"/>
    </xf>
    <xf numFmtId="181" fontId="6" fillId="0" borderId="13" xfId="1" applyNumberFormat="1" applyFont="1" applyFill="1" applyBorder="1" applyAlignment="1" applyProtection="1">
      <alignment vertical="center"/>
      <protection locked="0"/>
    </xf>
    <xf numFmtId="182" fontId="6" fillId="0" borderId="4" xfId="0" applyNumberFormat="1" applyFont="1" applyBorder="1" applyAlignment="1">
      <alignment horizontal="right" vertical="center" shrinkToFit="1"/>
    </xf>
    <xf numFmtId="182" fontId="6" fillId="0" borderId="7" xfId="0" applyNumberFormat="1" applyFont="1" applyBorder="1" applyAlignment="1">
      <alignment horizontal="right" vertical="center" shrinkToFit="1"/>
    </xf>
    <xf numFmtId="182" fontId="6" fillId="0" borderId="8" xfId="0" applyNumberFormat="1" applyFont="1" applyBorder="1" applyAlignment="1">
      <alignment horizontal="right" vertical="center" shrinkToFit="1"/>
    </xf>
    <xf numFmtId="182" fontId="6" fillId="0" borderId="52" xfId="0" applyNumberFormat="1" applyFont="1" applyBorder="1" applyAlignment="1">
      <alignment horizontal="right" vertical="center" shrinkToFit="1"/>
    </xf>
    <xf numFmtId="182" fontId="6" fillId="0" borderId="18" xfId="0" applyNumberFormat="1" applyFont="1" applyBorder="1" applyAlignment="1">
      <alignment horizontal="right" vertical="center" shrinkToFit="1"/>
    </xf>
    <xf numFmtId="182" fontId="6" fillId="0" borderId="28" xfId="0" applyNumberFormat="1" applyFont="1" applyBorder="1" applyAlignment="1">
      <alignment horizontal="right" vertical="center" shrinkToFit="1"/>
    </xf>
    <xf numFmtId="189" fontId="6" fillId="0" borderId="4" xfId="0" applyNumberFormat="1" applyFont="1" applyBorder="1" applyAlignment="1">
      <alignment horizontal="right" vertical="center" shrinkToFit="1"/>
    </xf>
    <xf numFmtId="189" fontId="6" fillId="0" borderId="7" xfId="0" applyNumberFormat="1" applyFont="1" applyBorder="1" applyAlignment="1">
      <alignment horizontal="right" vertical="center" shrinkToFit="1"/>
    </xf>
    <xf numFmtId="189" fontId="6" fillId="0" borderId="8" xfId="0" applyNumberFormat="1" applyFont="1" applyBorder="1" applyAlignment="1">
      <alignment horizontal="right" vertical="center" shrinkToFit="1"/>
    </xf>
    <xf numFmtId="189" fontId="6" fillId="0" borderId="52" xfId="0" applyNumberFormat="1" applyFont="1" applyBorder="1" applyAlignment="1">
      <alignment horizontal="right" vertical="center" shrinkToFit="1"/>
    </xf>
    <xf numFmtId="189" fontId="6" fillId="0" borderId="18" xfId="0" applyNumberFormat="1" applyFont="1" applyBorder="1" applyAlignment="1">
      <alignment horizontal="right" vertical="center" shrinkToFit="1"/>
    </xf>
    <xf numFmtId="189" fontId="6" fillId="0" borderId="28" xfId="0" applyNumberFormat="1" applyFont="1" applyBorder="1" applyAlignment="1">
      <alignment horizontal="right" vertical="center" shrinkToFit="1"/>
    </xf>
    <xf numFmtId="0" fontId="6" fillId="0" borderId="47" xfId="0" applyFont="1" applyBorder="1" applyAlignment="1">
      <alignment horizontal="distributed" vertical="center" wrapText="1" justifyLastLine="1"/>
    </xf>
    <xf numFmtId="0" fontId="6" fillId="0" borderId="29" xfId="0" applyFont="1" applyBorder="1" applyAlignment="1">
      <alignment horizontal="distributed" vertical="center" wrapText="1" justifyLastLine="1"/>
    </xf>
    <xf numFmtId="0" fontId="6" fillId="0" borderId="7" xfId="0" applyFont="1" applyBorder="1" applyAlignment="1">
      <alignment horizontal="distributed" vertical="center" wrapText="1" justifyLastLine="1"/>
    </xf>
    <xf numFmtId="0" fontId="6" fillId="0" borderId="8" xfId="0" applyFont="1" applyBorder="1" applyAlignment="1">
      <alignment horizontal="distributed" vertical="center" wrapText="1" justifyLastLine="1"/>
    </xf>
    <xf numFmtId="0" fontId="6" fillId="0" borderId="19" xfId="0" applyFont="1" applyBorder="1" applyAlignment="1">
      <alignment horizontal="distributed" vertical="center" wrapText="1" justifyLastLine="1"/>
    </xf>
    <xf numFmtId="0" fontId="6" fillId="0" borderId="18" xfId="0" applyFont="1" applyBorder="1" applyAlignment="1">
      <alignment horizontal="distributed" vertical="center" wrapText="1" justifyLastLine="1"/>
    </xf>
    <xf numFmtId="0" fontId="6" fillId="0" borderId="28" xfId="0" applyFont="1" applyBorder="1" applyAlignment="1">
      <alignment horizontal="distributed" vertical="center" wrapText="1" justifyLastLine="1"/>
    </xf>
    <xf numFmtId="181" fontId="11" fillId="0" borderId="1" xfId="1" applyNumberFormat="1" applyFont="1" applyFill="1" applyBorder="1" applyAlignment="1" applyProtection="1">
      <alignment vertical="center"/>
    </xf>
    <xf numFmtId="181" fontId="6" fillId="0" borderId="23" xfId="1" applyNumberFormat="1" applyFont="1" applyFill="1" applyBorder="1" applyAlignment="1" applyProtection="1">
      <alignment vertical="center"/>
      <protection locked="0"/>
    </xf>
    <xf numFmtId="0" fontId="6" fillId="0" borderId="2" xfId="0" applyFont="1" applyBorder="1" applyAlignment="1">
      <alignment horizontal="distributed" vertical="center" indent="2"/>
    </xf>
    <xf numFmtId="0" fontId="6" fillId="0" borderId="0" xfId="0" applyFont="1" applyAlignment="1">
      <alignment horizontal="distributed" vertical="center" indent="2"/>
    </xf>
    <xf numFmtId="0" fontId="6" fillId="0" borderId="5" xfId="0" applyFont="1" applyBorder="1" applyAlignment="1">
      <alignment horizontal="distributed" vertical="center" indent="2"/>
    </xf>
    <xf numFmtId="177" fontId="11" fillId="4" borderId="1" xfId="0" applyNumberFormat="1" applyFont="1" applyFill="1" applyBorder="1" applyAlignment="1" applyProtection="1">
      <alignment horizontal="right" vertical="center"/>
      <protection locked="0"/>
    </xf>
    <xf numFmtId="41" fontId="11" fillId="4" borderId="7" xfId="0" applyNumberFormat="1" applyFont="1" applyFill="1" applyBorder="1" applyAlignment="1">
      <alignment horizontal="right" vertical="center"/>
    </xf>
    <xf numFmtId="183" fontId="11" fillId="4" borderId="7" xfId="0" applyNumberFormat="1" applyFont="1" applyFill="1" applyBorder="1" applyAlignment="1">
      <alignment horizontal="right" vertical="center" indent="2"/>
    </xf>
    <xf numFmtId="183" fontId="11" fillId="4" borderId="23" xfId="0" applyNumberFormat="1" applyFont="1" applyFill="1" applyBorder="1" applyAlignment="1">
      <alignment horizontal="right" vertical="center" indent="2"/>
    </xf>
    <xf numFmtId="183" fontId="21" fillId="4" borderId="1" xfId="0" applyNumberFormat="1" applyFont="1" applyFill="1" applyBorder="1" applyAlignment="1">
      <alignment horizontal="right" vertical="center" indent="2"/>
    </xf>
    <xf numFmtId="183" fontId="21" fillId="4" borderId="16" xfId="0" applyNumberFormat="1" applyFont="1" applyFill="1" applyBorder="1" applyAlignment="1">
      <alignment horizontal="right" vertical="center" indent="2"/>
    </xf>
    <xf numFmtId="0" fontId="22" fillId="4" borderId="3" xfId="0" applyFont="1" applyFill="1" applyBorder="1" applyAlignment="1">
      <alignment horizontal="distributed" vertical="center" indent="1"/>
    </xf>
    <xf numFmtId="0" fontId="22" fillId="4" borderId="1" xfId="0" applyFont="1" applyFill="1" applyBorder="1" applyAlignment="1">
      <alignment horizontal="distributed" vertical="center" indent="1"/>
    </xf>
    <xf numFmtId="0" fontId="22" fillId="4" borderId="15" xfId="0" applyFont="1" applyFill="1" applyBorder="1" applyAlignment="1">
      <alignment horizontal="distributed" vertical="center" indent="1"/>
    </xf>
    <xf numFmtId="0" fontId="22" fillId="0" borderId="0" xfId="0" applyFont="1" applyAlignment="1">
      <alignment horizontal="center" vertical="center"/>
    </xf>
    <xf numFmtId="0" fontId="6" fillId="0" borderId="5" xfId="0" applyFont="1" applyBorder="1" applyAlignment="1">
      <alignment horizontal="center" vertical="center" wrapText="1"/>
    </xf>
    <xf numFmtId="185" fontId="6" fillId="4" borderId="1" xfId="0" applyNumberFormat="1" applyFont="1" applyFill="1" applyBorder="1" applyAlignment="1" applyProtection="1">
      <alignment horizontal="right" vertical="center"/>
      <protection locked="0"/>
    </xf>
    <xf numFmtId="0" fontId="6" fillId="0" borderId="3" xfId="0" applyFont="1" applyBorder="1" applyAlignment="1">
      <alignment horizontal="distributed" vertical="center" indent="2"/>
    </xf>
    <xf numFmtId="0" fontId="6" fillId="0" borderId="1" xfId="0" applyFont="1" applyBorder="1" applyAlignment="1">
      <alignment horizontal="distributed" vertical="center" indent="2"/>
    </xf>
    <xf numFmtId="0" fontId="6" fillId="0" borderId="15" xfId="0" applyFont="1" applyBorder="1" applyAlignment="1">
      <alignment horizontal="distributed" vertical="center" indent="2"/>
    </xf>
    <xf numFmtId="0" fontId="6" fillId="0" borderId="20" xfId="0" applyFont="1" applyBorder="1" applyAlignment="1">
      <alignment horizontal="distributed" vertical="center" wrapText="1" justifyLastLine="1"/>
    </xf>
    <xf numFmtId="0" fontId="6" fillId="0" borderId="6" xfId="0" applyFont="1" applyBorder="1" applyAlignment="1">
      <alignment horizontal="distributed" vertical="center" wrapText="1" justifyLastLine="1"/>
    </xf>
    <xf numFmtId="0" fontId="6" fillId="0" borderId="27" xfId="0" applyFont="1" applyBorder="1" applyAlignment="1">
      <alignment horizontal="distributed" vertical="center" wrapText="1" justifyLastLine="1"/>
    </xf>
    <xf numFmtId="0" fontId="6" fillId="0" borderId="13" xfId="0" applyFont="1" applyBorder="1" applyAlignment="1">
      <alignment horizontal="distributed" vertical="center" wrapText="1" justifyLastLine="1"/>
    </xf>
    <xf numFmtId="0" fontId="6" fillId="0" borderId="0" xfId="0" applyFont="1" applyAlignment="1">
      <alignment horizontal="distributed" vertical="center" wrapText="1" justifyLastLine="1"/>
    </xf>
    <xf numFmtId="0" fontId="6" fillId="0" borderId="5" xfId="0" applyFont="1" applyBorder="1" applyAlignment="1">
      <alignment horizontal="distributed" vertical="center" wrapText="1" justifyLastLine="1"/>
    </xf>
    <xf numFmtId="0" fontId="19" fillId="0" borderId="15" xfId="0" applyFont="1" applyBorder="1" applyAlignment="1">
      <alignment horizontal="center" vertical="center"/>
    </xf>
    <xf numFmtId="178" fontId="6" fillId="0" borderId="0" xfId="0" applyNumberFormat="1" applyFont="1" applyAlignment="1">
      <alignment horizontal="right" vertical="center"/>
    </xf>
    <xf numFmtId="0" fontId="21" fillId="0" borderId="13" xfId="0" applyFont="1" applyBorder="1" applyAlignment="1">
      <alignment horizontal="distributed" vertical="center" indent="1"/>
    </xf>
    <xf numFmtId="183" fontId="19" fillId="0" borderId="0" xfId="0" applyNumberFormat="1" applyFont="1" applyAlignment="1">
      <alignment horizontal="right" vertical="center" indent="2"/>
    </xf>
    <xf numFmtId="0" fontId="24" fillId="0" borderId="0" xfId="0" applyFont="1" applyAlignment="1">
      <alignment horizontal="center" vertical="center"/>
    </xf>
    <xf numFmtId="57" fontId="19" fillId="0" borderId="0" xfId="0" applyNumberFormat="1" applyFont="1" applyAlignment="1">
      <alignment horizontal="center" vertical="center"/>
    </xf>
    <xf numFmtId="57" fontId="19" fillId="0" borderId="17" xfId="0" applyNumberFormat="1" applyFont="1" applyBorder="1" applyAlignment="1">
      <alignment horizontal="center" vertical="center"/>
    </xf>
    <xf numFmtId="0" fontId="19" fillId="0" borderId="7" xfId="0" applyFont="1" applyBorder="1" applyAlignment="1">
      <alignment horizontal="left" vertical="center"/>
    </xf>
    <xf numFmtId="0" fontId="19" fillId="0" borderId="8" xfId="0" applyFont="1" applyBorder="1" applyAlignment="1">
      <alignment horizontal="left" vertical="center"/>
    </xf>
    <xf numFmtId="0" fontId="19" fillId="0" borderId="1" xfId="0" applyFont="1" applyBorder="1" applyAlignment="1">
      <alignment horizontal="left" vertical="center"/>
    </xf>
    <xf numFmtId="0" fontId="19" fillId="0" borderId="15" xfId="0" applyFont="1" applyBorder="1" applyAlignment="1">
      <alignment horizontal="left" vertical="center"/>
    </xf>
    <xf numFmtId="176" fontId="4" fillId="0" borderId="0" xfId="0" applyNumberFormat="1" applyFont="1" applyAlignment="1">
      <alignment horizontal="center" vertical="center"/>
    </xf>
    <xf numFmtId="176" fontId="19" fillId="0" borderId="13" xfId="4" applyNumberFormat="1" applyFont="1" applyBorder="1" applyAlignment="1">
      <alignment horizontal="right" vertical="center"/>
    </xf>
    <xf numFmtId="176" fontId="19" fillId="0" borderId="0" xfId="4" applyNumberFormat="1" applyFont="1" applyAlignment="1">
      <alignment horizontal="right" vertical="center"/>
    </xf>
    <xf numFmtId="176" fontId="14" fillId="0" borderId="13" xfId="4" applyNumberFormat="1" applyFont="1" applyBorder="1" applyAlignment="1">
      <alignment horizontal="right" vertical="center"/>
    </xf>
    <xf numFmtId="176" fontId="14" fillId="0" borderId="0" xfId="4" applyNumberFormat="1" applyFont="1" applyAlignment="1">
      <alignment horizontal="right" vertical="center"/>
    </xf>
    <xf numFmtId="0" fontId="6" fillId="0" borderId="24" xfId="4" applyFont="1" applyBorder="1" applyAlignment="1">
      <alignment horizontal="distributed" vertical="center" justifyLastLine="1"/>
    </xf>
    <xf numFmtId="0" fontId="6" fillId="0" borderId="25" xfId="4" applyFont="1" applyBorder="1" applyAlignment="1">
      <alignment horizontal="distributed" vertical="center" justifyLastLine="1"/>
    </xf>
    <xf numFmtId="0" fontId="6" fillId="0" borderId="26" xfId="4" applyFont="1" applyBorder="1" applyAlignment="1">
      <alignment horizontal="distributed" vertical="center" justifyLastLine="1"/>
    </xf>
    <xf numFmtId="185" fontId="6" fillId="4" borderId="0" xfId="0" applyNumberFormat="1" applyFont="1" applyFill="1" applyAlignment="1" applyProtection="1">
      <alignment horizontal="right" vertical="center"/>
      <protection locked="0"/>
    </xf>
    <xf numFmtId="185" fontId="6" fillId="4" borderId="17" xfId="0" applyNumberFormat="1" applyFont="1" applyFill="1" applyBorder="1" applyAlignment="1" applyProtection="1">
      <alignment horizontal="right" vertical="center"/>
      <protection locked="0"/>
    </xf>
    <xf numFmtId="185" fontId="11" fillId="4" borderId="29" xfId="0" applyNumberFormat="1" applyFont="1" applyFill="1" applyBorder="1" applyAlignment="1">
      <alignment horizontal="right" vertical="center"/>
    </xf>
    <xf numFmtId="185" fontId="11" fillId="4" borderId="23" xfId="0" applyNumberFormat="1" applyFont="1" applyFill="1" applyBorder="1" applyAlignment="1">
      <alignment horizontal="right" vertical="center"/>
    </xf>
    <xf numFmtId="0" fontId="6" fillId="0" borderId="0" xfId="0" applyFont="1" applyAlignment="1" applyProtection="1">
      <alignment horizontal="right" vertical="center"/>
      <protection locked="0"/>
    </xf>
    <xf numFmtId="183" fontId="6" fillId="0" borderId="1" xfId="0" applyNumberFormat="1" applyFont="1" applyBorder="1" applyAlignment="1" applyProtection="1">
      <alignment horizontal="right" vertical="center" indent="2"/>
      <protection locked="0"/>
    </xf>
    <xf numFmtId="179" fontId="19" fillId="0" borderId="0" xfId="4" applyNumberFormat="1" applyFont="1" applyAlignment="1" applyProtection="1">
      <alignment horizontal="right" vertical="center"/>
      <protection locked="0"/>
    </xf>
    <xf numFmtId="179" fontId="19" fillId="0" borderId="17" xfId="4" applyNumberFormat="1" applyFont="1" applyBorder="1" applyAlignment="1" applyProtection="1">
      <alignment horizontal="right" vertical="center"/>
      <protection locked="0"/>
    </xf>
    <xf numFmtId="0" fontId="6" fillId="0" borderId="8" xfId="0" applyFont="1" applyBorder="1" applyAlignment="1">
      <alignment horizontal="center" vertical="center" wrapText="1"/>
    </xf>
    <xf numFmtId="176" fontId="6" fillId="0" borderId="7" xfId="0" applyNumberFormat="1" applyFont="1" applyBorder="1" applyAlignment="1" applyProtection="1">
      <alignment horizontal="right" vertical="center"/>
      <protection locked="0"/>
    </xf>
    <xf numFmtId="0" fontId="6" fillId="0" borderId="30" xfId="0" applyFont="1" applyBorder="1" applyAlignment="1">
      <alignment horizontal="distributed" vertical="center" wrapText="1" indent="2"/>
    </xf>
    <xf numFmtId="0" fontId="6" fillId="0" borderId="31" xfId="0" applyFont="1" applyBorder="1" applyAlignment="1">
      <alignment horizontal="distributed" vertical="center" wrapText="1" indent="2"/>
    </xf>
    <xf numFmtId="0" fontId="6" fillId="0" borderId="33" xfId="0" applyFont="1" applyBorder="1" applyAlignment="1">
      <alignment horizontal="distributed" vertical="center" wrapText="1" indent="2"/>
    </xf>
    <xf numFmtId="183" fontId="6" fillId="0" borderId="7" xfId="0" applyNumberFormat="1" applyFont="1" applyBorder="1" applyAlignment="1" applyProtection="1">
      <alignment horizontal="right" vertical="center" indent="2"/>
      <protection locked="0"/>
    </xf>
    <xf numFmtId="189" fontId="6" fillId="0" borderId="4" xfId="0" applyNumberFormat="1" applyFont="1" applyBorder="1" applyAlignment="1">
      <alignment horizontal="right" vertical="center"/>
    </xf>
    <xf numFmtId="189" fontId="6" fillId="0" borderId="7" xfId="0" applyNumberFormat="1" applyFont="1" applyBorder="1" applyAlignment="1">
      <alignment horizontal="right" vertical="center"/>
    </xf>
    <xf numFmtId="189" fontId="6" fillId="0" borderId="8" xfId="0" applyNumberFormat="1" applyFont="1" applyBorder="1" applyAlignment="1">
      <alignment horizontal="right" vertical="center"/>
    </xf>
    <xf numFmtId="176" fontId="15" fillId="0" borderId="14" xfId="4" applyNumberFormat="1" applyFont="1" applyBorder="1" applyAlignment="1">
      <alignment horizontal="right" vertical="center"/>
    </xf>
    <xf numFmtId="176" fontId="15" fillId="0" borderId="1" xfId="4" applyNumberFormat="1" applyFont="1" applyBorder="1" applyAlignment="1">
      <alignment horizontal="right" vertical="center"/>
    </xf>
    <xf numFmtId="0" fontId="6" fillId="0" borderId="20" xfId="4" applyFont="1" applyBorder="1" applyAlignment="1">
      <alignment horizontal="distributed" vertical="center" indent="1"/>
    </xf>
    <xf numFmtId="0" fontId="6" fillId="0" borderId="6" xfId="4" applyFont="1" applyBorder="1" applyAlignment="1">
      <alignment horizontal="distributed" vertical="center" indent="1"/>
    </xf>
    <xf numFmtId="0" fontId="6" fillId="0" borderId="21" xfId="4" applyFont="1" applyBorder="1" applyAlignment="1">
      <alignment horizontal="distributed" vertical="center" indent="1"/>
    </xf>
    <xf numFmtId="0" fontId="6" fillId="0" borderId="19" xfId="4" applyFont="1" applyBorder="1" applyAlignment="1">
      <alignment horizontal="distributed" vertical="center" indent="1"/>
    </xf>
    <xf numFmtId="0" fontId="6" fillId="0" borderId="18" xfId="4" applyFont="1" applyBorder="1" applyAlignment="1">
      <alignment horizontal="distributed" vertical="center" indent="1"/>
    </xf>
    <xf numFmtId="0" fontId="6" fillId="0" borderId="22" xfId="4" applyFont="1" applyBorder="1" applyAlignment="1">
      <alignment horizontal="distributed" vertical="center" indent="1"/>
    </xf>
    <xf numFmtId="0" fontId="11" fillId="4" borderId="0" xfId="0" applyFont="1" applyFill="1" applyAlignment="1" applyProtection="1">
      <alignment horizontal="right" vertical="center"/>
      <protection locked="0"/>
    </xf>
    <xf numFmtId="181" fontId="11" fillId="0" borderId="16" xfId="1" applyNumberFormat="1" applyFont="1" applyFill="1" applyBorder="1" applyAlignment="1" applyProtection="1">
      <alignment vertical="center"/>
      <protection locked="0"/>
    </xf>
    <xf numFmtId="176" fontId="11" fillId="0" borderId="7" xfId="0" applyNumberFormat="1" applyFont="1" applyBorder="1" applyAlignment="1" applyProtection="1">
      <alignment horizontal="right" vertical="center"/>
      <protection locked="0"/>
    </xf>
    <xf numFmtId="0" fontId="6" fillId="0" borderId="20" xfId="0" applyFont="1" applyBorder="1" applyAlignment="1">
      <alignment horizontal="distributed" vertical="center" wrapText="1" indent="2"/>
    </xf>
    <xf numFmtId="0" fontId="6" fillId="0" borderId="6" xfId="0" applyFont="1" applyBorder="1" applyAlignment="1">
      <alignment horizontal="distributed" vertical="center" wrapText="1" indent="2"/>
    </xf>
    <xf numFmtId="0" fontId="6" fillId="0" borderId="21" xfId="0" applyFont="1" applyBorder="1" applyAlignment="1">
      <alignment horizontal="distributed" vertical="center" wrapText="1" indent="2"/>
    </xf>
    <xf numFmtId="0" fontId="6" fillId="0" borderId="19" xfId="0" applyFont="1" applyBorder="1" applyAlignment="1">
      <alignment horizontal="distributed" vertical="center" wrapText="1" indent="2"/>
    </xf>
    <xf numFmtId="0" fontId="6" fillId="0" borderId="18" xfId="0" applyFont="1" applyBorder="1" applyAlignment="1">
      <alignment horizontal="distributed" vertical="center" wrapText="1" indent="2"/>
    </xf>
    <xf numFmtId="0" fontId="6" fillId="0" borderId="22" xfId="0" applyFont="1" applyBorder="1" applyAlignment="1">
      <alignment horizontal="distributed" vertical="center" wrapText="1" indent="2"/>
    </xf>
    <xf numFmtId="42" fontId="6" fillId="0" borderId="13" xfId="0" applyNumberFormat="1" applyFont="1" applyBorder="1" applyAlignment="1">
      <alignment horizontal="right" vertical="center"/>
    </xf>
    <xf numFmtId="0" fontId="6" fillId="0" borderId="20" xfId="4" applyFont="1" applyBorder="1" applyAlignment="1">
      <alignment horizontal="distributed" vertical="center" indent="9"/>
    </xf>
    <xf numFmtId="0" fontId="6" fillId="0" borderId="6" xfId="4" applyFont="1" applyBorder="1" applyAlignment="1">
      <alignment horizontal="distributed" vertical="center" indent="9"/>
    </xf>
    <xf numFmtId="42" fontId="6" fillId="0" borderId="1" xfId="0" applyNumberFormat="1" applyFont="1" applyBorder="1" applyAlignment="1" applyProtection="1">
      <alignment horizontal="right" vertical="center"/>
      <protection locked="0"/>
    </xf>
    <xf numFmtId="185" fontId="6" fillId="4" borderId="16" xfId="0" applyNumberFormat="1" applyFont="1" applyFill="1" applyBorder="1" applyAlignment="1" applyProtection="1">
      <alignment horizontal="right" vertical="center"/>
      <protection locked="0"/>
    </xf>
    <xf numFmtId="185" fontId="6" fillId="4" borderId="13" xfId="0" applyNumberFormat="1" applyFont="1" applyFill="1" applyBorder="1" applyAlignment="1">
      <alignment horizontal="right" vertical="center"/>
    </xf>
    <xf numFmtId="185" fontId="6" fillId="4" borderId="0" xfId="0" applyNumberFormat="1" applyFont="1" applyFill="1" applyAlignment="1">
      <alignment horizontal="right" vertical="center"/>
    </xf>
    <xf numFmtId="176" fontId="6" fillId="0" borderId="0" xfId="4" applyNumberFormat="1" applyFont="1" applyAlignment="1">
      <alignment horizontal="right" vertical="center"/>
    </xf>
    <xf numFmtId="0" fontId="19" fillId="0" borderId="4" xfId="0" applyFont="1" applyBorder="1" applyAlignment="1">
      <alignment horizontal="center" vertical="center"/>
    </xf>
    <xf numFmtId="182" fontId="11" fillId="0" borderId="3" xfId="0" applyNumberFormat="1" applyFont="1" applyBorder="1" applyAlignment="1">
      <alignment horizontal="right" vertical="center"/>
    </xf>
    <xf numFmtId="182" fontId="11" fillId="0" borderId="1" xfId="0" applyNumberFormat="1" applyFont="1" applyBorder="1" applyAlignment="1">
      <alignment horizontal="right" vertical="center"/>
    </xf>
    <xf numFmtId="182" fontId="11" fillId="0" borderId="15" xfId="0" applyNumberFormat="1" applyFont="1" applyBorder="1" applyAlignment="1">
      <alignment horizontal="right" vertical="center"/>
    </xf>
    <xf numFmtId="181" fontId="6" fillId="0" borderId="29" xfId="1" applyNumberFormat="1" applyFont="1" applyFill="1" applyBorder="1" applyAlignment="1" applyProtection="1">
      <alignment vertical="center"/>
    </xf>
    <xf numFmtId="185" fontId="6" fillId="4" borderId="14" xfId="0" applyNumberFormat="1" applyFont="1" applyFill="1" applyBorder="1" applyAlignment="1">
      <alignment horizontal="right" vertical="center"/>
    </xf>
    <xf numFmtId="185" fontId="6" fillId="4" borderId="1" xfId="0" applyNumberFormat="1" applyFont="1" applyFill="1" applyBorder="1" applyAlignment="1">
      <alignment horizontal="right" vertical="center"/>
    </xf>
    <xf numFmtId="0" fontId="8" fillId="0" borderId="0" xfId="0" applyFont="1" applyAlignment="1">
      <alignment horizontal="distributed" vertical="center" wrapText="1" indent="1"/>
    </xf>
    <xf numFmtId="0" fontId="8" fillId="0" borderId="5" xfId="0" applyFont="1" applyBorder="1" applyAlignment="1">
      <alignment horizontal="distributed" vertical="center" wrapText="1" indent="1"/>
    </xf>
    <xf numFmtId="0" fontId="19" fillId="0" borderId="3" xfId="0" applyFont="1" applyBorder="1" applyAlignment="1">
      <alignment horizontal="center" vertical="center"/>
    </xf>
    <xf numFmtId="0" fontId="6" fillId="0" borderId="32" xfId="0" applyFont="1" applyBorder="1" applyAlignment="1">
      <alignment horizontal="distributed" vertical="center" wrapText="1" indent="2"/>
    </xf>
    <xf numFmtId="189" fontId="11" fillId="3" borderId="6" xfId="0" applyNumberFormat="1" applyFont="1" applyFill="1" applyBorder="1" applyAlignment="1">
      <alignment horizontal="center" vertical="center"/>
    </xf>
    <xf numFmtId="189" fontId="11" fillId="3" borderId="21" xfId="0" applyNumberFormat="1" applyFont="1" applyFill="1" applyBorder="1" applyAlignment="1">
      <alignment horizontal="center" vertical="center"/>
    </xf>
    <xf numFmtId="189" fontId="11" fillId="3" borderId="0" xfId="0" applyNumberFormat="1" applyFont="1" applyFill="1" applyAlignment="1">
      <alignment horizontal="center" vertical="center"/>
    </xf>
    <xf numFmtId="189" fontId="11" fillId="3" borderId="17" xfId="0" applyNumberFormat="1" applyFont="1" applyFill="1" applyBorder="1" applyAlignment="1">
      <alignment horizontal="center" vertical="center"/>
    </xf>
    <xf numFmtId="0" fontId="19" fillId="0" borderId="1" xfId="0" applyFont="1" applyBorder="1" applyAlignment="1">
      <alignment horizontal="center" vertical="center" wrapText="1"/>
    </xf>
    <xf numFmtId="0" fontId="22" fillId="0" borderId="1" xfId="0" applyFont="1" applyBorder="1" applyAlignment="1">
      <alignment horizontal="center" vertical="center"/>
    </xf>
    <xf numFmtId="0" fontId="6" fillId="0" borderId="2" xfId="0" applyFont="1" applyBorder="1" applyAlignment="1">
      <alignment horizontal="distributed" vertical="center" wrapText="1" indent="1"/>
    </xf>
    <xf numFmtId="0" fontId="6" fillId="0" borderId="0" xfId="0" applyFont="1" applyAlignment="1">
      <alignment horizontal="distributed" vertical="center" wrapText="1" indent="1"/>
    </xf>
    <xf numFmtId="0" fontId="6" fillId="0" borderId="5" xfId="0" applyFont="1" applyBorder="1" applyAlignment="1">
      <alignment horizontal="distributed" vertical="center" wrapText="1" indent="1"/>
    </xf>
    <xf numFmtId="42" fontId="6" fillId="0" borderId="14" xfId="0" applyNumberFormat="1" applyFont="1" applyBorder="1" applyAlignment="1">
      <alignment horizontal="right" vertical="center"/>
    </xf>
    <xf numFmtId="0" fontId="6" fillId="3" borderId="52" xfId="0" applyFont="1" applyFill="1" applyBorder="1" applyAlignment="1">
      <alignment horizontal="left" vertical="center"/>
    </xf>
    <xf numFmtId="0" fontId="6" fillId="3" borderId="18" xfId="0" applyFont="1" applyFill="1" applyBorder="1" applyAlignment="1">
      <alignment horizontal="left" vertical="center"/>
    </xf>
    <xf numFmtId="0" fontId="6" fillId="3" borderId="28" xfId="0" applyFont="1" applyFill="1" applyBorder="1" applyAlignment="1">
      <alignment horizontal="left" vertical="center"/>
    </xf>
    <xf numFmtId="0" fontId="6" fillId="3" borderId="49" xfId="0" applyFont="1" applyFill="1" applyBorder="1" applyAlignment="1">
      <alignment horizontal="right" vertical="center"/>
    </xf>
    <xf numFmtId="0" fontId="6" fillId="3" borderId="6" xfId="0" applyFont="1" applyFill="1" applyBorder="1" applyAlignment="1">
      <alignment horizontal="right" vertical="center"/>
    </xf>
    <xf numFmtId="0" fontId="6" fillId="3" borderId="27" xfId="0" applyFont="1" applyFill="1" applyBorder="1" applyAlignment="1">
      <alignment horizontal="right" vertical="center"/>
    </xf>
    <xf numFmtId="192" fontId="6" fillId="0" borderId="30" xfId="0" applyNumberFormat="1" applyFont="1" applyBorder="1" applyAlignment="1">
      <alignment horizontal="center" vertical="center"/>
    </xf>
    <xf numFmtId="192" fontId="6" fillId="0" borderId="31" xfId="0" applyNumberFormat="1" applyFont="1" applyBorder="1" applyAlignment="1">
      <alignment horizontal="center" vertical="center"/>
    </xf>
    <xf numFmtId="192" fontId="6" fillId="0" borderId="32" xfId="0" applyNumberFormat="1" applyFont="1" applyBorder="1" applyAlignment="1">
      <alignment horizontal="center" vertical="center"/>
    </xf>
    <xf numFmtId="192" fontId="11" fillId="0" borderId="31" xfId="0" applyNumberFormat="1" applyFont="1" applyBorder="1" applyAlignment="1">
      <alignment horizontal="center" vertical="center"/>
    </xf>
    <xf numFmtId="192" fontId="11" fillId="0" borderId="33" xfId="0" applyNumberFormat="1" applyFont="1" applyBorder="1" applyAlignment="1">
      <alignment horizontal="center" vertical="center"/>
    </xf>
    <xf numFmtId="178" fontId="6" fillId="0" borderId="24" xfId="0" applyNumberFormat="1" applyFont="1" applyBorder="1" applyAlignment="1">
      <alignment horizontal="distributed" vertical="center" justifyLastLine="1"/>
    </xf>
    <xf numFmtId="178" fontId="6" fillId="0" borderId="25" xfId="0" applyNumberFormat="1" applyFont="1" applyBorder="1" applyAlignment="1">
      <alignment horizontal="distributed" vertical="center" justifyLastLine="1"/>
    </xf>
    <xf numFmtId="178" fontId="6" fillId="0" borderId="26" xfId="0" applyNumberFormat="1" applyFont="1" applyBorder="1" applyAlignment="1">
      <alignment horizontal="distributed" vertical="center" justifyLastLine="1"/>
    </xf>
    <xf numFmtId="178" fontId="11" fillId="0" borderId="26" xfId="0" applyNumberFormat="1" applyFont="1" applyBorder="1" applyAlignment="1">
      <alignment horizontal="distributed" vertical="center" justifyLastLine="1"/>
    </xf>
    <xf numFmtId="42" fontId="11" fillId="0" borderId="7" xfId="0" applyNumberFormat="1" applyFont="1" applyBorder="1" applyAlignment="1">
      <alignment horizontal="right" vertical="center"/>
    </xf>
    <xf numFmtId="178" fontId="11" fillId="0" borderId="0" xfId="0" applyNumberFormat="1" applyFont="1" applyAlignment="1" applyProtection="1">
      <alignment horizontal="right" vertical="center"/>
      <protection locked="0"/>
    </xf>
    <xf numFmtId="178" fontId="11" fillId="0" borderId="17" xfId="0" applyNumberFormat="1" applyFont="1" applyBorder="1" applyAlignment="1" applyProtection="1">
      <alignment horizontal="right" vertical="center"/>
      <protection locked="0"/>
    </xf>
    <xf numFmtId="0" fontId="8" fillId="0" borderId="2" xfId="0" applyFont="1" applyBorder="1" applyAlignment="1">
      <alignment horizontal="distributed" vertical="center" indent="1"/>
    </xf>
    <xf numFmtId="0" fontId="6" fillId="0" borderId="3" xfId="0" applyFont="1" applyBorder="1" applyAlignment="1">
      <alignment horizontal="distributed" vertical="center" indent="1"/>
    </xf>
    <xf numFmtId="178" fontId="6" fillId="0" borderId="14" xfId="0" applyNumberFormat="1" applyFont="1" applyBorder="1" applyAlignment="1" applyProtection="1">
      <alignment horizontal="right" vertical="center"/>
      <protection locked="0"/>
    </xf>
    <xf numFmtId="178" fontId="6" fillId="0" borderId="1" xfId="0" applyNumberFormat="1" applyFont="1" applyBorder="1" applyAlignment="1" applyProtection="1">
      <alignment horizontal="right" vertical="center"/>
      <protection locked="0"/>
    </xf>
    <xf numFmtId="0" fontId="19" fillId="0" borderId="2" xfId="0" applyFont="1" applyBorder="1" applyAlignment="1">
      <alignment horizontal="distributed" vertical="center" indent="1"/>
    </xf>
    <xf numFmtId="42" fontId="6" fillId="0" borderId="13" xfId="0" applyNumberFormat="1" applyFont="1" applyBorder="1" applyAlignment="1" applyProtection="1">
      <alignment horizontal="right" vertical="center"/>
      <protection locked="0"/>
    </xf>
    <xf numFmtId="182" fontId="6" fillId="0" borderId="2" xfId="0" applyNumberFormat="1" applyFont="1" applyBorder="1" applyAlignment="1">
      <alignment horizontal="right" vertical="center"/>
    </xf>
    <xf numFmtId="182" fontId="6" fillId="0" borderId="0" xfId="0" applyNumberFormat="1" applyFont="1" applyAlignment="1">
      <alignment horizontal="right" vertical="center"/>
    </xf>
    <xf numFmtId="182" fontId="6" fillId="0" borderId="5" xfId="0" applyNumberFormat="1" applyFont="1" applyBorder="1" applyAlignment="1">
      <alignment horizontal="right" vertical="center"/>
    </xf>
    <xf numFmtId="0" fontId="6" fillId="0" borderId="28" xfId="4" applyFont="1" applyBorder="1" applyAlignment="1">
      <alignment horizontal="distributed" vertical="center" indent="1"/>
    </xf>
    <xf numFmtId="181" fontId="11" fillId="0" borderId="14" xfId="1" applyNumberFormat="1" applyFont="1" applyFill="1" applyBorder="1" applyAlignment="1" applyProtection="1">
      <alignment vertical="center"/>
    </xf>
    <xf numFmtId="0" fontId="19" fillId="0" borderId="0" xfId="0" applyFont="1" applyAlignment="1">
      <alignment horizontal="left" vertical="center" indent="1" shrinkToFit="1"/>
    </xf>
    <xf numFmtId="0" fontId="19" fillId="0" borderId="5" xfId="0" applyFont="1" applyBorder="1" applyAlignment="1">
      <alignment horizontal="left" vertical="center" indent="1" shrinkToFit="1"/>
    </xf>
  </cellXfs>
  <cellStyles count="5">
    <cellStyle name="桁区切り" xfId="1" builtinId="6"/>
    <cellStyle name="標準" xfId="0" builtinId="0"/>
    <cellStyle name="標準_Sheet1" xfId="2"/>
    <cellStyle name="標準_依頼資料２" xfId="3"/>
    <cellStyle name="標準_出先・外部への依頼資料２" xfId="4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6</xdr:row>
      <xdr:rowOff>200025</xdr:rowOff>
    </xdr:from>
    <xdr:to>
      <xdr:col>8</xdr:col>
      <xdr:colOff>285750</xdr:colOff>
      <xdr:row>18</xdr:row>
      <xdr:rowOff>161925</xdr:rowOff>
    </xdr:to>
    <xdr:sp macro="" textlink="">
      <xdr:nvSpPr>
        <xdr:cNvPr id="14886" name="Line 1">
          <a:extLst>
            <a:ext uri="{FF2B5EF4-FFF2-40B4-BE49-F238E27FC236}">
              <a16:creationId xmlns:a16="http://schemas.microsoft.com/office/drawing/2014/main" xmlns="" id="{00000000-0008-0000-0000-0000263A0000}"/>
            </a:ext>
          </a:extLst>
        </xdr:cNvPr>
        <xdr:cNvSpPr>
          <a:spLocks noChangeShapeType="1"/>
        </xdr:cNvSpPr>
      </xdr:nvSpPr>
      <xdr:spPr bwMode="auto">
        <a:xfrm flipH="1" flipV="1">
          <a:off x="0" y="3429000"/>
          <a:ext cx="2038350" cy="3333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87</xdr:row>
      <xdr:rowOff>0</xdr:rowOff>
    </xdr:from>
    <xdr:to>
      <xdr:col>8</xdr:col>
      <xdr:colOff>0</xdr:colOff>
      <xdr:row>89</xdr:row>
      <xdr:rowOff>0</xdr:rowOff>
    </xdr:to>
    <xdr:sp macro="" textlink="">
      <xdr:nvSpPr>
        <xdr:cNvPr id="14887" name="Line 2">
          <a:extLst>
            <a:ext uri="{FF2B5EF4-FFF2-40B4-BE49-F238E27FC236}">
              <a16:creationId xmlns:a16="http://schemas.microsoft.com/office/drawing/2014/main" xmlns="" id="{00000000-0008-0000-0000-0000273A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17306925"/>
          <a:ext cx="1743075" cy="4953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</xdr:row>
      <xdr:rowOff>0</xdr:rowOff>
    </xdr:from>
    <xdr:to>
      <xdr:col>6</xdr:col>
      <xdr:colOff>9525</xdr:colOff>
      <xdr:row>6</xdr:row>
      <xdr:rowOff>0</xdr:rowOff>
    </xdr:to>
    <xdr:sp macro="" textlink="">
      <xdr:nvSpPr>
        <xdr:cNvPr id="14888" name="Line 3">
          <a:extLst>
            <a:ext uri="{FF2B5EF4-FFF2-40B4-BE49-F238E27FC236}">
              <a16:creationId xmlns:a16="http://schemas.microsoft.com/office/drawing/2014/main" xmlns="" id="{00000000-0008-0000-0000-0000283A0000}"/>
            </a:ext>
          </a:extLst>
        </xdr:cNvPr>
        <xdr:cNvSpPr>
          <a:spLocks noChangeShapeType="1"/>
        </xdr:cNvSpPr>
      </xdr:nvSpPr>
      <xdr:spPr bwMode="auto">
        <a:xfrm flipH="1" flipV="1">
          <a:off x="0" y="895350"/>
          <a:ext cx="1285875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77</xdr:row>
      <xdr:rowOff>0</xdr:rowOff>
    </xdr:from>
    <xdr:to>
      <xdr:col>4</xdr:col>
      <xdr:colOff>0</xdr:colOff>
      <xdr:row>79</xdr:row>
      <xdr:rowOff>0</xdr:rowOff>
    </xdr:to>
    <xdr:sp macro="" textlink="">
      <xdr:nvSpPr>
        <xdr:cNvPr id="14889" name="Line 4">
          <a:extLst>
            <a:ext uri="{FF2B5EF4-FFF2-40B4-BE49-F238E27FC236}">
              <a16:creationId xmlns:a16="http://schemas.microsoft.com/office/drawing/2014/main" xmlns="" id="{00000000-0008-0000-0000-0000293A0000}"/>
            </a:ext>
          </a:extLst>
        </xdr:cNvPr>
        <xdr:cNvSpPr>
          <a:spLocks noChangeShapeType="1"/>
        </xdr:cNvSpPr>
      </xdr:nvSpPr>
      <xdr:spPr bwMode="auto">
        <a:xfrm flipH="1" flipV="1">
          <a:off x="0" y="15316200"/>
          <a:ext cx="876300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0</xdr:row>
      <xdr:rowOff>0</xdr:rowOff>
    </xdr:from>
    <xdr:to>
      <xdr:col>6</xdr:col>
      <xdr:colOff>0</xdr:colOff>
      <xdr:row>62</xdr:row>
      <xdr:rowOff>0</xdr:rowOff>
    </xdr:to>
    <xdr:sp macro="" textlink="">
      <xdr:nvSpPr>
        <xdr:cNvPr id="14890" name="Line 5">
          <a:extLst>
            <a:ext uri="{FF2B5EF4-FFF2-40B4-BE49-F238E27FC236}">
              <a16:creationId xmlns:a16="http://schemas.microsoft.com/office/drawing/2014/main" xmlns="" id="{00000000-0008-0000-0000-00002A3A0000}"/>
            </a:ext>
          </a:extLst>
        </xdr:cNvPr>
        <xdr:cNvSpPr>
          <a:spLocks noChangeShapeType="1"/>
        </xdr:cNvSpPr>
      </xdr:nvSpPr>
      <xdr:spPr bwMode="auto">
        <a:xfrm flipH="1" flipV="1">
          <a:off x="0" y="11982450"/>
          <a:ext cx="1276350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26</xdr:row>
      <xdr:rowOff>0</xdr:rowOff>
    </xdr:from>
    <xdr:to>
      <xdr:col>6</xdr:col>
      <xdr:colOff>0</xdr:colOff>
      <xdr:row>128</xdr:row>
      <xdr:rowOff>0</xdr:rowOff>
    </xdr:to>
    <xdr:sp macro="" textlink="">
      <xdr:nvSpPr>
        <xdr:cNvPr id="14891" name="Line 7">
          <a:extLst>
            <a:ext uri="{FF2B5EF4-FFF2-40B4-BE49-F238E27FC236}">
              <a16:creationId xmlns:a16="http://schemas.microsoft.com/office/drawing/2014/main" xmlns="" id="{00000000-0008-0000-0000-00002B3A0000}"/>
            </a:ext>
          </a:extLst>
        </xdr:cNvPr>
        <xdr:cNvSpPr>
          <a:spLocks noChangeShapeType="1"/>
        </xdr:cNvSpPr>
      </xdr:nvSpPr>
      <xdr:spPr bwMode="auto">
        <a:xfrm flipH="1" flipV="1">
          <a:off x="0" y="25326975"/>
          <a:ext cx="1276350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64</xdr:row>
      <xdr:rowOff>0</xdr:rowOff>
    </xdr:from>
    <xdr:to>
      <xdr:col>6</xdr:col>
      <xdr:colOff>0</xdr:colOff>
      <xdr:row>166</xdr:row>
      <xdr:rowOff>0</xdr:rowOff>
    </xdr:to>
    <xdr:sp macro="" textlink="">
      <xdr:nvSpPr>
        <xdr:cNvPr id="14892" name="Line 8">
          <a:extLst>
            <a:ext uri="{FF2B5EF4-FFF2-40B4-BE49-F238E27FC236}">
              <a16:creationId xmlns:a16="http://schemas.microsoft.com/office/drawing/2014/main" xmlns="" id="{00000000-0008-0000-0000-00002C3A0000}"/>
            </a:ext>
          </a:extLst>
        </xdr:cNvPr>
        <xdr:cNvSpPr>
          <a:spLocks noChangeShapeType="1"/>
        </xdr:cNvSpPr>
      </xdr:nvSpPr>
      <xdr:spPr bwMode="auto">
        <a:xfrm flipH="1" flipV="1">
          <a:off x="0" y="33147000"/>
          <a:ext cx="1276350" cy="17049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02</xdr:row>
      <xdr:rowOff>0</xdr:rowOff>
    </xdr:from>
    <xdr:to>
      <xdr:col>6</xdr:col>
      <xdr:colOff>0</xdr:colOff>
      <xdr:row>104</xdr:row>
      <xdr:rowOff>0</xdr:rowOff>
    </xdr:to>
    <xdr:sp macro="" textlink="">
      <xdr:nvSpPr>
        <xdr:cNvPr id="14893" name="Line 9">
          <a:extLst>
            <a:ext uri="{FF2B5EF4-FFF2-40B4-BE49-F238E27FC236}">
              <a16:creationId xmlns:a16="http://schemas.microsoft.com/office/drawing/2014/main" xmlns="" id="{00000000-0008-0000-0000-00002D3A0000}"/>
            </a:ext>
          </a:extLst>
        </xdr:cNvPr>
        <xdr:cNvSpPr>
          <a:spLocks noChangeShapeType="1"/>
        </xdr:cNvSpPr>
      </xdr:nvSpPr>
      <xdr:spPr bwMode="auto">
        <a:xfrm flipH="1" flipV="1">
          <a:off x="0" y="20440650"/>
          <a:ext cx="1276350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36</xdr:row>
      <xdr:rowOff>9525</xdr:rowOff>
    </xdr:from>
    <xdr:to>
      <xdr:col>8</xdr:col>
      <xdr:colOff>0</xdr:colOff>
      <xdr:row>137</xdr:row>
      <xdr:rowOff>190500</xdr:rowOff>
    </xdr:to>
    <xdr:sp macro="" textlink="">
      <xdr:nvSpPr>
        <xdr:cNvPr id="14894" name="Line 11">
          <a:extLst>
            <a:ext uri="{FF2B5EF4-FFF2-40B4-BE49-F238E27FC236}">
              <a16:creationId xmlns:a16="http://schemas.microsoft.com/office/drawing/2014/main" xmlns="" id="{00000000-0008-0000-0000-00002E3A0000}"/>
            </a:ext>
          </a:extLst>
        </xdr:cNvPr>
        <xdr:cNvSpPr>
          <a:spLocks noChangeShapeType="1"/>
        </xdr:cNvSpPr>
      </xdr:nvSpPr>
      <xdr:spPr bwMode="auto">
        <a:xfrm flipH="1" flipV="1">
          <a:off x="0" y="27355800"/>
          <a:ext cx="1752600" cy="4286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02</xdr:row>
      <xdr:rowOff>0</xdr:rowOff>
    </xdr:from>
    <xdr:to>
      <xdr:col>5</xdr:col>
      <xdr:colOff>0</xdr:colOff>
      <xdr:row>204</xdr:row>
      <xdr:rowOff>0</xdr:rowOff>
    </xdr:to>
    <xdr:sp macro="" textlink="">
      <xdr:nvSpPr>
        <xdr:cNvPr id="14895" name="Line 14">
          <a:extLst>
            <a:ext uri="{FF2B5EF4-FFF2-40B4-BE49-F238E27FC236}">
              <a16:creationId xmlns:a16="http://schemas.microsoft.com/office/drawing/2014/main" xmlns="" id="{00000000-0008-0000-0000-00002F3A0000}"/>
            </a:ext>
          </a:extLst>
        </xdr:cNvPr>
        <xdr:cNvSpPr>
          <a:spLocks noChangeShapeType="1"/>
        </xdr:cNvSpPr>
      </xdr:nvSpPr>
      <xdr:spPr bwMode="auto">
        <a:xfrm flipH="1" flipV="1">
          <a:off x="0" y="43262550"/>
          <a:ext cx="107632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31</xdr:row>
      <xdr:rowOff>9525</xdr:rowOff>
    </xdr:from>
    <xdr:to>
      <xdr:col>9</xdr:col>
      <xdr:colOff>0</xdr:colOff>
      <xdr:row>332</xdr:row>
      <xdr:rowOff>200025</xdr:rowOff>
    </xdr:to>
    <xdr:sp macro="" textlink="">
      <xdr:nvSpPr>
        <xdr:cNvPr id="14896" name="Line 15">
          <a:extLst>
            <a:ext uri="{FF2B5EF4-FFF2-40B4-BE49-F238E27FC236}">
              <a16:creationId xmlns:a16="http://schemas.microsoft.com/office/drawing/2014/main" xmlns="" id="{00000000-0008-0000-0000-0000303A0000}"/>
            </a:ext>
          </a:extLst>
        </xdr:cNvPr>
        <xdr:cNvSpPr>
          <a:spLocks noChangeShapeType="1"/>
        </xdr:cNvSpPr>
      </xdr:nvSpPr>
      <xdr:spPr bwMode="auto">
        <a:xfrm flipH="1" flipV="1">
          <a:off x="0" y="66960750"/>
          <a:ext cx="2047875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03</xdr:row>
      <xdr:rowOff>0</xdr:rowOff>
    </xdr:from>
    <xdr:to>
      <xdr:col>8</xdr:col>
      <xdr:colOff>0</xdr:colOff>
      <xdr:row>305</xdr:row>
      <xdr:rowOff>0</xdr:rowOff>
    </xdr:to>
    <xdr:sp macro="" textlink="">
      <xdr:nvSpPr>
        <xdr:cNvPr id="14897" name="Line 16">
          <a:extLst>
            <a:ext uri="{FF2B5EF4-FFF2-40B4-BE49-F238E27FC236}">
              <a16:creationId xmlns:a16="http://schemas.microsoft.com/office/drawing/2014/main" xmlns="" id="{00000000-0008-0000-0000-0000313A0000}"/>
            </a:ext>
          </a:extLst>
        </xdr:cNvPr>
        <xdr:cNvSpPr>
          <a:spLocks noChangeShapeType="1"/>
        </xdr:cNvSpPr>
      </xdr:nvSpPr>
      <xdr:spPr bwMode="auto">
        <a:xfrm flipH="1" flipV="1">
          <a:off x="0" y="60807600"/>
          <a:ext cx="1752600" cy="3619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313</xdr:row>
      <xdr:rowOff>0</xdr:rowOff>
    </xdr:from>
    <xdr:to>
      <xdr:col>3</xdr:col>
      <xdr:colOff>0</xdr:colOff>
      <xdr:row>316</xdr:row>
      <xdr:rowOff>9525</xdr:rowOff>
    </xdr:to>
    <xdr:sp macro="" textlink="">
      <xdr:nvSpPr>
        <xdr:cNvPr id="14898" name="Freeform 17">
          <a:extLst>
            <a:ext uri="{FF2B5EF4-FFF2-40B4-BE49-F238E27FC236}">
              <a16:creationId xmlns:a16="http://schemas.microsoft.com/office/drawing/2014/main" xmlns="" id="{00000000-0008-0000-0000-0000323A0000}"/>
            </a:ext>
          </a:extLst>
        </xdr:cNvPr>
        <xdr:cNvSpPr>
          <a:spLocks/>
        </xdr:cNvSpPr>
      </xdr:nvSpPr>
      <xdr:spPr bwMode="auto">
        <a:xfrm>
          <a:off x="9525" y="62950725"/>
          <a:ext cx="666750" cy="752475"/>
        </a:xfrm>
        <a:custGeom>
          <a:avLst/>
          <a:gdLst>
            <a:gd name="T0" fmla="*/ 2147483646 w 125"/>
            <a:gd name="T1" fmla="*/ 2147483646 h 94"/>
            <a:gd name="T2" fmla="*/ 0 w 125"/>
            <a:gd name="T3" fmla="*/ 0 h 94"/>
            <a:gd name="T4" fmla="*/ 0 60000 65536"/>
            <a:gd name="T5" fmla="*/ 0 60000 65536"/>
            <a:gd name="T6" fmla="*/ 0 w 125"/>
            <a:gd name="T7" fmla="*/ 0 h 94"/>
            <a:gd name="T8" fmla="*/ 125 w 125"/>
            <a:gd name="T9" fmla="*/ 94 h 94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25" h="94">
              <a:moveTo>
                <a:pt x="125" y="94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323</xdr:row>
      <xdr:rowOff>0</xdr:rowOff>
    </xdr:from>
    <xdr:to>
      <xdr:col>5</xdr:col>
      <xdr:colOff>0</xdr:colOff>
      <xdr:row>325</xdr:row>
      <xdr:rowOff>0</xdr:rowOff>
    </xdr:to>
    <xdr:sp macro="" textlink="">
      <xdr:nvSpPr>
        <xdr:cNvPr id="14899" name="Freeform 18">
          <a:extLst>
            <a:ext uri="{FF2B5EF4-FFF2-40B4-BE49-F238E27FC236}">
              <a16:creationId xmlns:a16="http://schemas.microsoft.com/office/drawing/2014/main" xmlns="" id="{00000000-0008-0000-0000-0000333A0000}"/>
            </a:ext>
          </a:extLst>
        </xdr:cNvPr>
        <xdr:cNvSpPr>
          <a:spLocks/>
        </xdr:cNvSpPr>
      </xdr:nvSpPr>
      <xdr:spPr bwMode="auto">
        <a:xfrm>
          <a:off x="0" y="65189100"/>
          <a:ext cx="1076325" cy="447675"/>
        </a:xfrm>
        <a:custGeom>
          <a:avLst/>
          <a:gdLst>
            <a:gd name="T0" fmla="*/ 2147483646 w 169"/>
            <a:gd name="T1" fmla="*/ 2147483646 h 61"/>
            <a:gd name="T2" fmla="*/ 0 w 169"/>
            <a:gd name="T3" fmla="*/ 0 h 61"/>
            <a:gd name="T4" fmla="*/ 0 60000 65536"/>
            <a:gd name="T5" fmla="*/ 0 60000 65536"/>
            <a:gd name="T6" fmla="*/ 0 w 169"/>
            <a:gd name="T7" fmla="*/ 0 h 61"/>
            <a:gd name="T8" fmla="*/ 169 w 169"/>
            <a:gd name="T9" fmla="*/ 61 h 61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69" h="61">
              <a:moveTo>
                <a:pt x="169" y="61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361</xdr:row>
      <xdr:rowOff>19050</xdr:rowOff>
    </xdr:from>
    <xdr:to>
      <xdr:col>8</xdr:col>
      <xdr:colOff>285750</xdr:colOff>
      <xdr:row>362</xdr:row>
      <xdr:rowOff>200025</xdr:rowOff>
    </xdr:to>
    <xdr:sp macro="" textlink="">
      <xdr:nvSpPr>
        <xdr:cNvPr id="14900" name="Line 19">
          <a:extLst>
            <a:ext uri="{FF2B5EF4-FFF2-40B4-BE49-F238E27FC236}">
              <a16:creationId xmlns:a16="http://schemas.microsoft.com/office/drawing/2014/main" xmlns="" id="{00000000-0008-0000-0000-0000343A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72932925"/>
          <a:ext cx="2028825" cy="3810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19050</xdr:colOff>
      <xdr:row>391</xdr:row>
      <xdr:rowOff>19050</xdr:rowOff>
    </xdr:from>
    <xdr:to>
      <xdr:col>9</xdr:col>
      <xdr:colOff>0</xdr:colOff>
      <xdr:row>393</xdr:row>
      <xdr:rowOff>0</xdr:rowOff>
    </xdr:to>
    <xdr:sp macro="" textlink="">
      <xdr:nvSpPr>
        <xdr:cNvPr id="14901" name="Line 20">
          <a:extLst>
            <a:ext uri="{FF2B5EF4-FFF2-40B4-BE49-F238E27FC236}">
              <a16:creationId xmlns:a16="http://schemas.microsoft.com/office/drawing/2014/main" xmlns="" id="{00000000-0008-0000-0000-0000353A0000}"/>
            </a:ext>
          </a:extLst>
        </xdr:cNvPr>
        <xdr:cNvSpPr>
          <a:spLocks noChangeShapeType="1"/>
        </xdr:cNvSpPr>
      </xdr:nvSpPr>
      <xdr:spPr bwMode="auto">
        <a:xfrm>
          <a:off x="19050" y="78543150"/>
          <a:ext cx="2028825" cy="6191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96</xdr:row>
      <xdr:rowOff>0</xdr:rowOff>
    </xdr:from>
    <xdr:to>
      <xdr:col>6</xdr:col>
      <xdr:colOff>0</xdr:colOff>
      <xdr:row>498</xdr:row>
      <xdr:rowOff>0</xdr:rowOff>
    </xdr:to>
    <xdr:sp macro="" textlink="">
      <xdr:nvSpPr>
        <xdr:cNvPr id="14902" name="Line 22">
          <a:extLst>
            <a:ext uri="{FF2B5EF4-FFF2-40B4-BE49-F238E27FC236}">
              <a16:creationId xmlns:a16="http://schemas.microsoft.com/office/drawing/2014/main" xmlns="" id="{00000000-0008-0000-0000-0000363A0000}"/>
            </a:ext>
          </a:extLst>
        </xdr:cNvPr>
        <xdr:cNvSpPr>
          <a:spLocks noChangeShapeType="1"/>
        </xdr:cNvSpPr>
      </xdr:nvSpPr>
      <xdr:spPr bwMode="auto">
        <a:xfrm flipH="1" flipV="1">
          <a:off x="0" y="97774125"/>
          <a:ext cx="1276350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504</xdr:row>
      <xdr:rowOff>0</xdr:rowOff>
    </xdr:from>
    <xdr:to>
      <xdr:col>6</xdr:col>
      <xdr:colOff>0</xdr:colOff>
      <xdr:row>506</xdr:row>
      <xdr:rowOff>0</xdr:rowOff>
    </xdr:to>
    <xdr:sp macro="" textlink="">
      <xdr:nvSpPr>
        <xdr:cNvPr id="14903" name="Line 23">
          <a:extLst>
            <a:ext uri="{FF2B5EF4-FFF2-40B4-BE49-F238E27FC236}">
              <a16:creationId xmlns:a16="http://schemas.microsoft.com/office/drawing/2014/main" xmlns="" id="{00000000-0008-0000-0000-0000373A0000}"/>
            </a:ext>
          </a:extLst>
        </xdr:cNvPr>
        <xdr:cNvSpPr>
          <a:spLocks noChangeShapeType="1"/>
        </xdr:cNvSpPr>
      </xdr:nvSpPr>
      <xdr:spPr bwMode="auto">
        <a:xfrm flipH="1" flipV="1">
          <a:off x="0" y="99374325"/>
          <a:ext cx="1276350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512</xdr:row>
      <xdr:rowOff>0</xdr:rowOff>
    </xdr:from>
    <xdr:to>
      <xdr:col>5</xdr:col>
      <xdr:colOff>9525</xdr:colOff>
      <xdr:row>514</xdr:row>
      <xdr:rowOff>0</xdr:rowOff>
    </xdr:to>
    <xdr:sp macro="" textlink="">
      <xdr:nvSpPr>
        <xdr:cNvPr id="14904" name="Line 24">
          <a:extLst>
            <a:ext uri="{FF2B5EF4-FFF2-40B4-BE49-F238E27FC236}">
              <a16:creationId xmlns:a16="http://schemas.microsoft.com/office/drawing/2014/main" xmlns="" id="{00000000-0008-0000-0000-0000383A0000}"/>
            </a:ext>
          </a:extLst>
        </xdr:cNvPr>
        <xdr:cNvSpPr>
          <a:spLocks noChangeShapeType="1"/>
        </xdr:cNvSpPr>
      </xdr:nvSpPr>
      <xdr:spPr bwMode="auto">
        <a:xfrm flipH="1" flipV="1">
          <a:off x="0" y="100974525"/>
          <a:ext cx="1085850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46</xdr:row>
      <xdr:rowOff>0</xdr:rowOff>
    </xdr:from>
    <xdr:to>
      <xdr:col>6</xdr:col>
      <xdr:colOff>0</xdr:colOff>
      <xdr:row>148</xdr:row>
      <xdr:rowOff>0</xdr:rowOff>
    </xdr:to>
    <xdr:sp macro="" textlink="">
      <xdr:nvSpPr>
        <xdr:cNvPr id="14905" name="Line 38">
          <a:extLst>
            <a:ext uri="{FF2B5EF4-FFF2-40B4-BE49-F238E27FC236}">
              <a16:creationId xmlns:a16="http://schemas.microsoft.com/office/drawing/2014/main" xmlns="" id="{00000000-0008-0000-0000-0000393A0000}"/>
            </a:ext>
          </a:extLst>
        </xdr:cNvPr>
        <xdr:cNvSpPr>
          <a:spLocks noChangeShapeType="1"/>
        </xdr:cNvSpPr>
      </xdr:nvSpPr>
      <xdr:spPr bwMode="auto">
        <a:xfrm flipH="1" flipV="1">
          <a:off x="0" y="29441775"/>
          <a:ext cx="1276350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12</xdr:row>
      <xdr:rowOff>0</xdr:rowOff>
    </xdr:from>
    <xdr:to>
      <xdr:col>6</xdr:col>
      <xdr:colOff>0</xdr:colOff>
      <xdr:row>114</xdr:row>
      <xdr:rowOff>0</xdr:rowOff>
    </xdr:to>
    <xdr:sp macro="" textlink="">
      <xdr:nvSpPr>
        <xdr:cNvPr id="14906" name="Line 39">
          <a:extLst>
            <a:ext uri="{FF2B5EF4-FFF2-40B4-BE49-F238E27FC236}">
              <a16:creationId xmlns:a16="http://schemas.microsoft.com/office/drawing/2014/main" xmlns="" id="{00000000-0008-0000-0000-00003A3A0000}"/>
            </a:ext>
          </a:extLst>
        </xdr:cNvPr>
        <xdr:cNvSpPr>
          <a:spLocks noChangeShapeType="1"/>
        </xdr:cNvSpPr>
      </xdr:nvSpPr>
      <xdr:spPr bwMode="auto">
        <a:xfrm>
          <a:off x="0" y="22459950"/>
          <a:ext cx="1276350" cy="4953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85</xdr:row>
      <xdr:rowOff>9525</xdr:rowOff>
    </xdr:from>
    <xdr:to>
      <xdr:col>6</xdr:col>
      <xdr:colOff>9525</xdr:colOff>
      <xdr:row>187</xdr:row>
      <xdr:rowOff>0</xdr:rowOff>
    </xdr:to>
    <xdr:sp macro="" textlink="">
      <xdr:nvSpPr>
        <xdr:cNvPr id="14907" name="Line 55">
          <a:extLst>
            <a:ext uri="{FF2B5EF4-FFF2-40B4-BE49-F238E27FC236}">
              <a16:creationId xmlns:a16="http://schemas.microsoft.com/office/drawing/2014/main" xmlns="" id="{00000000-0008-0000-0000-00003B3A0000}"/>
            </a:ext>
          </a:extLst>
        </xdr:cNvPr>
        <xdr:cNvSpPr>
          <a:spLocks noChangeShapeType="1"/>
        </xdr:cNvSpPr>
      </xdr:nvSpPr>
      <xdr:spPr bwMode="auto">
        <a:xfrm flipH="1" flipV="1">
          <a:off x="0" y="38700075"/>
          <a:ext cx="1285875" cy="16478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19050</xdr:colOff>
      <xdr:row>483</xdr:row>
      <xdr:rowOff>0</xdr:rowOff>
    </xdr:from>
    <xdr:to>
      <xdr:col>3</xdr:col>
      <xdr:colOff>0</xdr:colOff>
      <xdr:row>487</xdr:row>
      <xdr:rowOff>0</xdr:rowOff>
    </xdr:to>
    <xdr:sp macro="" textlink="">
      <xdr:nvSpPr>
        <xdr:cNvPr id="14908" name="Line 1">
          <a:extLst>
            <a:ext uri="{FF2B5EF4-FFF2-40B4-BE49-F238E27FC236}">
              <a16:creationId xmlns:a16="http://schemas.microsoft.com/office/drawing/2014/main" xmlns="" id="{00000000-0008-0000-0000-00003C3A0000}"/>
            </a:ext>
          </a:extLst>
        </xdr:cNvPr>
        <xdr:cNvSpPr>
          <a:spLocks noChangeShapeType="1"/>
        </xdr:cNvSpPr>
      </xdr:nvSpPr>
      <xdr:spPr bwMode="auto">
        <a:xfrm>
          <a:off x="19050" y="95173800"/>
          <a:ext cx="657225" cy="8001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7</xdr:row>
      <xdr:rowOff>200025</xdr:rowOff>
    </xdr:from>
    <xdr:to>
      <xdr:col>9</xdr:col>
      <xdr:colOff>9525</xdr:colOff>
      <xdr:row>49</xdr:row>
      <xdr:rowOff>171450</xdr:rowOff>
    </xdr:to>
    <xdr:sp macro="" textlink="">
      <xdr:nvSpPr>
        <xdr:cNvPr id="14909" name="Line 1">
          <a:extLst>
            <a:ext uri="{FF2B5EF4-FFF2-40B4-BE49-F238E27FC236}">
              <a16:creationId xmlns:a16="http://schemas.microsoft.com/office/drawing/2014/main" xmlns="" id="{00000000-0008-0000-0000-00003D3A0000}"/>
            </a:ext>
          </a:extLst>
        </xdr:cNvPr>
        <xdr:cNvSpPr>
          <a:spLocks noChangeShapeType="1"/>
        </xdr:cNvSpPr>
      </xdr:nvSpPr>
      <xdr:spPr bwMode="auto">
        <a:xfrm flipH="1" flipV="1">
          <a:off x="0" y="9925050"/>
          <a:ext cx="2057400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2</xdr:row>
      <xdr:rowOff>0</xdr:rowOff>
    </xdr:from>
    <xdr:to>
      <xdr:col>6</xdr:col>
      <xdr:colOff>9525</xdr:colOff>
      <xdr:row>34</xdr:row>
      <xdr:rowOff>0</xdr:rowOff>
    </xdr:to>
    <xdr:sp macro="" textlink="">
      <xdr:nvSpPr>
        <xdr:cNvPr id="14910" name="Line 3">
          <a:extLst>
            <a:ext uri="{FF2B5EF4-FFF2-40B4-BE49-F238E27FC236}">
              <a16:creationId xmlns:a16="http://schemas.microsoft.com/office/drawing/2014/main" xmlns="" id="{00000000-0008-0000-0000-00003E3A0000}"/>
            </a:ext>
          </a:extLst>
        </xdr:cNvPr>
        <xdr:cNvSpPr>
          <a:spLocks noChangeShapeType="1"/>
        </xdr:cNvSpPr>
      </xdr:nvSpPr>
      <xdr:spPr bwMode="auto">
        <a:xfrm flipH="1" flipV="1">
          <a:off x="0" y="6791325"/>
          <a:ext cx="1285875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416</xdr:row>
      <xdr:rowOff>9525</xdr:rowOff>
    </xdr:from>
    <xdr:to>
      <xdr:col>9</xdr:col>
      <xdr:colOff>0</xdr:colOff>
      <xdr:row>418</xdr:row>
      <xdr:rowOff>0</xdr:rowOff>
    </xdr:to>
    <xdr:sp macro="" textlink="">
      <xdr:nvSpPr>
        <xdr:cNvPr id="2" name="Line 4">
          <a:extLst>
            <a:ext uri="{FF2B5EF4-FFF2-40B4-BE49-F238E27FC236}">
              <a16:creationId xmlns:a16="http://schemas.microsoft.com/office/drawing/2014/main" xmlns="" id="{16B6BD52-F4AF-4822-AAA1-0F0ADEC3BFCC}"/>
            </a:ext>
          </a:extLst>
        </xdr:cNvPr>
        <xdr:cNvSpPr>
          <a:spLocks noChangeShapeType="1"/>
        </xdr:cNvSpPr>
      </xdr:nvSpPr>
      <xdr:spPr bwMode="auto">
        <a:xfrm flipH="1" flipV="1">
          <a:off x="9525" y="457200"/>
          <a:ext cx="1790700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AS519"/>
  <sheetViews>
    <sheetView showGridLines="0" tabSelected="1" view="pageBreakPreview" zoomScale="85" zoomScaleNormal="85" zoomScaleSheetLayoutView="85" workbookViewId="0">
      <selection activeCell="AI5" sqref="AI5"/>
    </sheetView>
  </sheetViews>
  <sheetFormatPr defaultColWidth="9" defaultRowHeight="15.95" customHeight="1" x14ac:dyDescent="0.15"/>
  <cols>
    <col min="1" max="2" width="2.625" style="49" customWidth="1"/>
    <col min="3" max="3" width="3.625" style="49" customWidth="1"/>
    <col min="4" max="5" width="2.625" style="49" customWidth="1"/>
    <col min="6" max="6" width="3" style="49" customWidth="1"/>
    <col min="7" max="7" width="2.625" style="49" customWidth="1"/>
    <col min="8" max="8" width="3.625" style="49" customWidth="1"/>
    <col min="9" max="9" width="3.875" style="49" customWidth="1"/>
    <col min="10" max="11" width="2.625" style="49" customWidth="1"/>
    <col min="12" max="12" width="3" style="49" customWidth="1"/>
    <col min="13" max="14" width="2.625" style="49" customWidth="1"/>
    <col min="15" max="15" width="3" style="49" customWidth="1"/>
    <col min="16" max="16" width="2.625" style="49" customWidth="1"/>
    <col min="17" max="17" width="3.125" style="49" customWidth="1"/>
    <col min="18" max="26" width="2.625" style="49" customWidth="1"/>
    <col min="27" max="27" width="3.25" style="49" customWidth="1"/>
    <col min="28" max="29" width="2.625" style="49" customWidth="1"/>
    <col min="30" max="30" width="3.125" style="49" customWidth="1"/>
    <col min="31" max="32" width="2.625" style="49" customWidth="1"/>
    <col min="33" max="33" width="3.75" style="49" customWidth="1"/>
    <col min="34" max="34" width="2.625" style="49" customWidth="1"/>
    <col min="35" max="16384" width="9" style="49"/>
  </cols>
  <sheetData>
    <row r="1" spans="1:33" s="1" customFormat="1" ht="20.100000000000001" customHeight="1" x14ac:dyDescent="0.15">
      <c r="A1" s="701" t="s">
        <v>25</v>
      </c>
      <c r="B1" s="701"/>
      <c r="C1" s="701"/>
      <c r="D1" s="701"/>
      <c r="E1" s="701"/>
      <c r="F1" s="701"/>
      <c r="G1" s="701"/>
      <c r="H1" s="701"/>
      <c r="I1" s="701"/>
      <c r="J1" s="701"/>
      <c r="K1" s="701"/>
      <c r="L1" s="701"/>
      <c r="M1" s="701"/>
      <c r="N1" s="701"/>
      <c r="O1" s="701"/>
      <c r="P1" s="701"/>
      <c r="Q1" s="701"/>
      <c r="R1" s="701"/>
      <c r="S1" s="701"/>
      <c r="T1" s="701"/>
      <c r="U1" s="701"/>
      <c r="V1" s="701"/>
      <c r="W1" s="701"/>
      <c r="X1" s="701"/>
      <c r="Y1" s="701"/>
      <c r="Z1" s="701"/>
      <c r="AA1" s="701"/>
      <c r="AB1" s="701"/>
      <c r="AC1" s="701"/>
      <c r="AD1" s="701"/>
      <c r="AE1" s="701"/>
      <c r="AF1" s="701"/>
      <c r="AG1" s="701"/>
    </row>
    <row r="2" spans="1:33" s="1" customFormat="1" ht="15.95" customHeight="1" x14ac:dyDescent="0.15">
      <c r="A2" s="35"/>
      <c r="B2" s="35"/>
      <c r="C2" s="35"/>
      <c r="D2" s="35"/>
      <c r="E2" s="35"/>
      <c r="F2" s="35"/>
      <c r="G2" s="35"/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  <c r="T2" s="35"/>
      <c r="U2" s="35"/>
      <c r="V2" s="35"/>
      <c r="W2" s="35"/>
      <c r="X2" s="35"/>
      <c r="Y2" s="35"/>
      <c r="Z2" s="35"/>
      <c r="AA2" s="35"/>
      <c r="AB2" s="35"/>
      <c r="AC2" s="35"/>
      <c r="AD2" s="35"/>
      <c r="AE2" s="35"/>
      <c r="AF2" s="35"/>
      <c r="AG2" s="35"/>
    </row>
    <row r="3" spans="1:33" s="1" customFormat="1" ht="20.100000000000001" customHeight="1" x14ac:dyDescent="0.15">
      <c r="A3" s="4" t="s">
        <v>26</v>
      </c>
    </row>
    <row r="4" spans="1:33" s="1" customFormat="1" ht="15.95" customHeight="1" x14ac:dyDescent="0.15">
      <c r="B4" s="1" t="s">
        <v>27</v>
      </c>
      <c r="AB4" s="5"/>
      <c r="AC4" s="5"/>
      <c r="AD4" s="5"/>
      <c r="AE4" s="5"/>
      <c r="AF4" s="5"/>
      <c r="AG4" s="19" t="s">
        <v>28</v>
      </c>
    </row>
    <row r="5" spans="1:33" s="1" customFormat="1" ht="14.1" customHeight="1" x14ac:dyDescent="0.15">
      <c r="A5" s="396" t="s">
        <v>146</v>
      </c>
      <c r="B5" s="397"/>
      <c r="C5" s="397"/>
      <c r="D5" s="397"/>
      <c r="E5" s="397"/>
      <c r="F5" s="411"/>
      <c r="G5" s="210">
        <v>5</v>
      </c>
      <c r="H5" s="211"/>
      <c r="I5" s="211"/>
      <c r="J5" s="211"/>
      <c r="K5" s="211"/>
      <c r="L5" s="211"/>
      <c r="M5" s="211"/>
      <c r="N5" s="211"/>
      <c r="O5" s="212"/>
      <c r="P5" s="210">
        <v>6</v>
      </c>
      <c r="Q5" s="211"/>
      <c r="R5" s="211"/>
      <c r="S5" s="211"/>
      <c r="T5" s="211"/>
      <c r="U5" s="211"/>
      <c r="V5" s="211"/>
      <c r="W5" s="211"/>
      <c r="X5" s="212"/>
      <c r="Y5" s="751">
        <v>7</v>
      </c>
      <c r="Z5" s="134"/>
      <c r="AA5" s="134"/>
      <c r="AB5" s="134"/>
      <c r="AC5" s="134"/>
      <c r="AD5" s="134"/>
      <c r="AE5" s="134"/>
      <c r="AF5" s="134"/>
      <c r="AG5" s="135"/>
    </row>
    <row r="6" spans="1:33" s="1" customFormat="1" ht="14.1" customHeight="1" x14ac:dyDescent="0.15">
      <c r="A6" s="420" t="s">
        <v>30</v>
      </c>
      <c r="B6" s="421"/>
      <c r="C6" s="421"/>
      <c r="D6" s="421"/>
      <c r="E6" s="421"/>
      <c r="F6" s="422"/>
      <c r="G6" s="213"/>
      <c r="H6" s="214"/>
      <c r="I6" s="214"/>
      <c r="J6" s="214"/>
      <c r="K6" s="214"/>
      <c r="L6" s="214"/>
      <c r="M6" s="214"/>
      <c r="N6" s="214"/>
      <c r="O6" s="215"/>
      <c r="P6" s="213"/>
      <c r="Q6" s="214"/>
      <c r="R6" s="214"/>
      <c r="S6" s="214"/>
      <c r="T6" s="214"/>
      <c r="U6" s="214"/>
      <c r="V6" s="214"/>
      <c r="W6" s="214"/>
      <c r="X6" s="215"/>
      <c r="Y6" s="752"/>
      <c r="Z6" s="136"/>
      <c r="AA6" s="136"/>
      <c r="AB6" s="136"/>
      <c r="AC6" s="136"/>
      <c r="AD6" s="136"/>
      <c r="AE6" s="136"/>
      <c r="AF6" s="136"/>
      <c r="AG6" s="137"/>
    </row>
    <row r="7" spans="1:33" s="1" customFormat="1" ht="15.95" customHeight="1" x14ac:dyDescent="0.15">
      <c r="A7" s="740" t="s">
        <v>31</v>
      </c>
      <c r="B7" s="517"/>
      <c r="C7" s="517"/>
      <c r="D7" s="517"/>
      <c r="E7" s="517"/>
      <c r="F7" s="518"/>
      <c r="G7" s="415">
        <v>9</v>
      </c>
      <c r="H7" s="391"/>
      <c r="I7" s="391"/>
      <c r="J7" s="391"/>
      <c r="K7" s="391"/>
      <c r="L7" s="391"/>
      <c r="M7" s="391"/>
      <c r="N7" s="391"/>
      <c r="O7" s="392"/>
      <c r="P7" s="415">
        <v>9</v>
      </c>
      <c r="Q7" s="391"/>
      <c r="R7" s="391"/>
      <c r="S7" s="391"/>
      <c r="T7" s="391"/>
      <c r="U7" s="391"/>
      <c r="V7" s="391"/>
      <c r="W7" s="391"/>
      <c r="X7" s="392"/>
      <c r="Y7" s="746">
        <v>8</v>
      </c>
      <c r="Z7" s="746"/>
      <c r="AA7" s="746"/>
      <c r="AB7" s="746"/>
      <c r="AC7" s="746"/>
      <c r="AD7" s="746"/>
      <c r="AE7" s="746"/>
      <c r="AF7" s="746"/>
      <c r="AG7" s="747"/>
    </row>
    <row r="8" spans="1:33" s="1" customFormat="1" ht="13.5" customHeight="1" x14ac:dyDescent="0.15">
      <c r="A8" s="753"/>
      <c r="B8" s="754"/>
      <c r="C8" s="754"/>
      <c r="D8" s="754"/>
      <c r="E8" s="754"/>
      <c r="F8" s="755"/>
      <c r="G8" s="741" t="s">
        <v>1</v>
      </c>
      <c r="H8" s="742"/>
      <c r="I8" s="743"/>
      <c r="J8" s="741" t="s">
        <v>2</v>
      </c>
      <c r="K8" s="742"/>
      <c r="L8" s="743"/>
      <c r="M8" s="742" t="s">
        <v>3</v>
      </c>
      <c r="N8" s="742"/>
      <c r="O8" s="743"/>
      <c r="P8" s="741" t="s">
        <v>1</v>
      </c>
      <c r="Q8" s="742"/>
      <c r="R8" s="743"/>
      <c r="S8" s="741" t="s">
        <v>2</v>
      </c>
      <c r="T8" s="742"/>
      <c r="U8" s="743"/>
      <c r="V8" s="742" t="s">
        <v>3</v>
      </c>
      <c r="W8" s="742"/>
      <c r="X8" s="743"/>
      <c r="Y8" s="748" t="s">
        <v>32</v>
      </c>
      <c r="Z8" s="748"/>
      <c r="AA8" s="749"/>
      <c r="AB8" s="756" t="s">
        <v>33</v>
      </c>
      <c r="AC8" s="748"/>
      <c r="AD8" s="749"/>
      <c r="AE8" s="748" t="s">
        <v>34</v>
      </c>
      <c r="AF8" s="748"/>
      <c r="AG8" s="750"/>
    </row>
    <row r="9" spans="1:33" s="1" customFormat="1" ht="15.95" customHeight="1" x14ac:dyDescent="0.15">
      <c r="A9" s="384" t="s">
        <v>35</v>
      </c>
      <c r="B9" s="242"/>
      <c r="C9" s="242"/>
      <c r="D9" s="242"/>
      <c r="E9" s="242"/>
      <c r="F9" s="243"/>
      <c r="G9" s="227">
        <v>76</v>
      </c>
      <c r="H9" s="227"/>
      <c r="I9" s="227"/>
      <c r="J9" s="191">
        <v>1</v>
      </c>
      <c r="K9" s="191"/>
      <c r="L9" s="191"/>
      <c r="M9" s="227">
        <v>75</v>
      </c>
      <c r="N9" s="227"/>
      <c r="O9" s="227"/>
      <c r="P9" s="227">
        <v>73</v>
      </c>
      <c r="Q9" s="227"/>
      <c r="R9" s="227"/>
      <c r="S9" s="191">
        <v>1</v>
      </c>
      <c r="T9" s="191"/>
      <c r="U9" s="191"/>
      <c r="V9" s="227">
        <v>72</v>
      </c>
      <c r="W9" s="227"/>
      <c r="X9" s="227"/>
      <c r="Y9" s="235">
        <v>65</v>
      </c>
      <c r="Z9" s="235"/>
      <c r="AA9" s="235"/>
      <c r="AB9" s="186">
        <v>2</v>
      </c>
      <c r="AC9" s="186"/>
      <c r="AD9" s="186"/>
      <c r="AE9" s="186">
        <v>63</v>
      </c>
      <c r="AF9" s="186"/>
      <c r="AG9" s="216"/>
    </row>
    <row r="10" spans="1:33" s="1" customFormat="1" ht="15.95" customHeight="1" x14ac:dyDescent="0.15">
      <c r="A10" s="384" t="s">
        <v>36</v>
      </c>
      <c r="B10" s="242"/>
      <c r="C10" s="242"/>
      <c r="D10" s="242"/>
      <c r="E10" s="242"/>
      <c r="F10" s="243"/>
      <c r="G10" s="191">
        <v>619</v>
      </c>
      <c r="H10" s="191"/>
      <c r="I10" s="191"/>
      <c r="J10" s="191">
        <v>324</v>
      </c>
      <c r="K10" s="191"/>
      <c r="L10" s="191"/>
      <c r="M10" s="191">
        <v>295</v>
      </c>
      <c r="N10" s="191"/>
      <c r="O10" s="191"/>
      <c r="P10" s="191">
        <v>558</v>
      </c>
      <c r="Q10" s="191"/>
      <c r="R10" s="191"/>
      <c r="S10" s="191">
        <v>283</v>
      </c>
      <c r="T10" s="191"/>
      <c r="U10" s="191"/>
      <c r="V10" s="191">
        <v>275</v>
      </c>
      <c r="W10" s="191"/>
      <c r="X10" s="191"/>
      <c r="Y10" s="186">
        <v>522</v>
      </c>
      <c r="Z10" s="186"/>
      <c r="AA10" s="186"/>
      <c r="AB10" s="186">
        <v>267</v>
      </c>
      <c r="AC10" s="186"/>
      <c r="AD10" s="186"/>
      <c r="AE10" s="186">
        <v>255</v>
      </c>
      <c r="AF10" s="186"/>
      <c r="AG10" s="216"/>
    </row>
    <row r="11" spans="1:33" s="1" customFormat="1" ht="15.95" customHeight="1" x14ac:dyDescent="0.15">
      <c r="A11" s="13"/>
      <c r="B11" s="242" t="s">
        <v>156</v>
      </c>
      <c r="C11" s="242"/>
      <c r="D11" s="242"/>
      <c r="E11" s="242"/>
      <c r="F11" s="243"/>
      <c r="G11" s="191">
        <v>208</v>
      </c>
      <c r="H11" s="191"/>
      <c r="I11" s="191"/>
      <c r="J11" s="191">
        <v>109</v>
      </c>
      <c r="K11" s="191"/>
      <c r="L11" s="191"/>
      <c r="M11" s="191">
        <v>99</v>
      </c>
      <c r="N11" s="191"/>
      <c r="O11" s="191"/>
      <c r="P11" s="191">
        <v>153</v>
      </c>
      <c r="Q11" s="191"/>
      <c r="R11" s="191"/>
      <c r="S11" s="191">
        <v>74</v>
      </c>
      <c r="T11" s="191"/>
      <c r="U11" s="191"/>
      <c r="V11" s="191">
        <v>79</v>
      </c>
      <c r="W11" s="191"/>
      <c r="X11" s="191"/>
      <c r="Y11" s="186">
        <v>149</v>
      </c>
      <c r="Z11" s="186"/>
      <c r="AA11" s="186"/>
      <c r="AB11" s="186">
        <v>82</v>
      </c>
      <c r="AC11" s="186"/>
      <c r="AD11" s="186"/>
      <c r="AE11" s="186">
        <v>67</v>
      </c>
      <c r="AF11" s="186"/>
      <c r="AG11" s="216"/>
    </row>
    <row r="12" spans="1:33" s="1" customFormat="1" ht="15.95" customHeight="1" x14ac:dyDescent="0.15">
      <c r="A12" s="13"/>
      <c r="B12" s="242" t="s">
        <v>4</v>
      </c>
      <c r="C12" s="242"/>
      <c r="D12" s="242"/>
      <c r="E12" s="242"/>
      <c r="F12" s="243"/>
      <c r="G12" s="191">
        <v>191</v>
      </c>
      <c r="H12" s="191"/>
      <c r="I12" s="191"/>
      <c r="J12" s="191">
        <v>95</v>
      </c>
      <c r="K12" s="191"/>
      <c r="L12" s="191"/>
      <c r="M12" s="191">
        <v>96</v>
      </c>
      <c r="N12" s="191"/>
      <c r="O12" s="191"/>
      <c r="P12" s="191">
        <v>213</v>
      </c>
      <c r="Q12" s="191"/>
      <c r="R12" s="191"/>
      <c r="S12" s="191">
        <v>109</v>
      </c>
      <c r="T12" s="191"/>
      <c r="U12" s="191"/>
      <c r="V12" s="191">
        <v>104</v>
      </c>
      <c r="W12" s="191"/>
      <c r="X12" s="191"/>
      <c r="Y12" s="186">
        <v>155</v>
      </c>
      <c r="Z12" s="186"/>
      <c r="AA12" s="186"/>
      <c r="AB12" s="186">
        <v>74</v>
      </c>
      <c r="AC12" s="186"/>
      <c r="AD12" s="186"/>
      <c r="AE12" s="186">
        <v>81</v>
      </c>
      <c r="AF12" s="186"/>
      <c r="AG12" s="216"/>
    </row>
    <row r="13" spans="1:33" s="1" customFormat="1" ht="15.95" customHeight="1" x14ac:dyDescent="0.15">
      <c r="A13" s="14"/>
      <c r="B13" s="248" t="s">
        <v>5</v>
      </c>
      <c r="C13" s="248"/>
      <c r="D13" s="248"/>
      <c r="E13" s="248"/>
      <c r="F13" s="249"/>
      <c r="G13" s="239">
        <v>220</v>
      </c>
      <c r="H13" s="239"/>
      <c r="I13" s="239"/>
      <c r="J13" s="239">
        <v>120</v>
      </c>
      <c r="K13" s="239"/>
      <c r="L13" s="239"/>
      <c r="M13" s="239">
        <v>100</v>
      </c>
      <c r="N13" s="239"/>
      <c r="O13" s="239"/>
      <c r="P13" s="239">
        <v>192</v>
      </c>
      <c r="Q13" s="239"/>
      <c r="R13" s="239"/>
      <c r="S13" s="239">
        <v>100</v>
      </c>
      <c r="T13" s="239"/>
      <c r="U13" s="239"/>
      <c r="V13" s="239">
        <v>92</v>
      </c>
      <c r="W13" s="239"/>
      <c r="X13" s="239"/>
      <c r="Y13" s="237">
        <v>218</v>
      </c>
      <c r="Z13" s="237"/>
      <c r="AA13" s="237"/>
      <c r="AB13" s="237">
        <v>111</v>
      </c>
      <c r="AC13" s="237"/>
      <c r="AD13" s="237"/>
      <c r="AE13" s="237">
        <v>107</v>
      </c>
      <c r="AF13" s="237"/>
      <c r="AG13" s="238"/>
    </row>
    <row r="14" spans="1:33" s="2" customFormat="1" ht="13.5" customHeight="1" x14ac:dyDescent="0.15">
      <c r="A14" s="8" t="s">
        <v>37</v>
      </c>
      <c r="W14" s="3"/>
      <c r="X14" s="3"/>
      <c r="Y14" s="3"/>
      <c r="Z14" s="3"/>
      <c r="AA14" s="3"/>
      <c r="AB14" s="3"/>
      <c r="AC14" s="3"/>
      <c r="AD14" s="3"/>
      <c r="AE14" s="3"/>
      <c r="AF14" s="3"/>
      <c r="AG14" s="3" t="s">
        <v>231</v>
      </c>
    </row>
    <row r="15" spans="1:33" s="1" customFormat="1" ht="15.95" customHeight="1" x14ac:dyDescent="0.15">
      <c r="V15" s="15"/>
      <c r="W15" s="15"/>
      <c r="X15" s="15"/>
      <c r="Y15" s="15"/>
      <c r="Z15" s="15"/>
      <c r="AA15" s="15"/>
      <c r="AB15" s="15"/>
      <c r="AC15" s="15"/>
      <c r="AD15" s="15"/>
      <c r="AE15" s="15"/>
      <c r="AF15" s="15"/>
    </row>
    <row r="16" spans="1:33" s="1" customFormat="1" ht="20.100000000000001" customHeight="1" x14ac:dyDescent="0.15">
      <c r="A16" s="4" t="s">
        <v>38</v>
      </c>
    </row>
    <row r="17" spans="1:33" s="1" customFormat="1" ht="15.95" customHeight="1" x14ac:dyDescent="0.15">
      <c r="B17" s="1" t="s">
        <v>599</v>
      </c>
      <c r="AB17" s="5"/>
      <c r="AC17" s="5"/>
      <c r="AD17" s="5"/>
      <c r="AE17" s="5"/>
      <c r="AF17" s="5"/>
      <c r="AG17" s="19" t="s">
        <v>39</v>
      </c>
    </row>
    <row r="18" spans="1:33" s="1" customFormat="1" ht="14.1" customHeight="1" x14ac:dyDescent="0.15">
      <c r="A18" s="246" t="s">
        <v>30</v>
      </c>
      <c r="B18" s="247"/>
      <c r="C18" s="247"/>
      <c r="D18" s="247"/>
      <c r="E18" s="247"/>
      <c r="F18" s="247"/>
      <c r="G18" s="247"/>
      <c r="H18" s="247"/>
      <c r="I18" s="247"/>
      <c r="J18" s="471" t="s">
        <v>40</v>
      </c>
      <c r="K18" s="471"/>
      <c r="L18" s="471"/>
      <c r="M18" s="471"/>
      <c r="N18" s="471"/>
      <c r="O18" s="471"/>
      <c r="P18" s="471" t="s">
        <v>41</v>
      </c>
      <c r="Q18" s="471"/>
      <c r="R18" s="471"/>
      <c r="S18" s="471"/>
      <c r="T18" s="471"/>
      <c r="U18" s="471"/>
      <c r="V18" s="471" t="s">
        <v>42</v>
      </c>
      <c r="W18" s="471"/>
      <c r="X18" s="471"/>
      <c r="Y18" s="471"/>
      <c r="Z18" s="471"/>
      <c r="AA18" s="472"/>
      <c r="AB18" s="434"/>
      <c r="AC18" s="435"/>
      <c r="AD18" s="435"/>
      <c r="AE18" s="435"/>
      <c r="AF18" s="435"/>
      <c r="AG18" s="436"/>
    </row>
    <row r="19" spans="1:33" s="1" customFormat="1" ht="14.1" customHeight="1" x14ac:dyDescent="0.15">
      <c r="A19" s="455" t="s">
        <v>43</v>
      </c>
      <c r="B19" s="456"/>
      <c r="C19" s="456"/>
      <c r="D19" s="456"/>
      <c r="E19" s="456"/>
      <c r="F19" s="456"/>
      <c r="G19" s="456"/>
      <c r="H19" s="456"/>
      <c r="I19" s="456"/>
      <c r="J19" s="250" t="s">
        <v>44</v>
      </c>
      <c r="K19" s="250"/>
      <c r="L19" s="250"/>
      <c r="M19" s="250" t="s">
        <v>45</v>
      </c>
      <c r="N19" s="250"/>
      <c r="O19" s="250"/>
      <c r="P19" s="439"/>
      <c r="Q19" s="439"/>
      <c r="R19" s="439"/>
      <c r="S19" s="439"/>
      <c r="T19" s="439"/>
      <c r="U19" s="439"/>
      <c r="V19" s="439"/>
      <c r="W19" s="439"/>
      <c r="X19" s="439"/>
      <c r="Y19" s="439"/>
      <c r="Z19" s="439"/>
      <c r="AA19" s="439"/>
      <c r="AB19" s="439" t="s">
        <v>65</v>
      </c>
      <c r="AC19" s="439"/>
      <c r="AD19" s="439"/>
      <c r="AE19" s="439"/>
      <c r="AF19" s="439"/>
      <c r="AG19" s="440"/>
    </row>
    <row r="20" spans="1:33" s="36" customFormat="1" ht="15.95" customHeight="1" x14ac:dyDescent="0.15">
      <c r="A20" s="251" t="s">
        <v>46</v>
      </c>
      <c r="B20" s="252"/>
      <c r="C20" s="252"/>
      <c r="D20" s="252"/>
      <c r="E20" s="252"/>
      <c r="F20" s="252"/>
      <c r="G20" s="252"/>
      <c r="H20" s="252"/>
      <c r="I20" s="253"/>
      <c r="J20" s="744">
        <f>SUM(J21:L28)</f>
        <v>42</v>
      </c>
      <c r="K20" s="744"/>
      <c r="L20" s="516"/>
      <c r="M20" s="745">
        <f>SUM(M21:O28)</f>
        <v>8</v>
      </c>
      <c r="N20" s="744"/>
      <c r="O20" s="516"/>
      <c r="P20" s="225">
        <f>SUM(P21:U28)</f>
        <v>7145.96</v>
      </c>
      <c r="Q20" s="225"/>
      <c r="R20" s="225"/>
      <c r="S20" s="225"/>
      <c r="T20" s="225"/>
      <c r="U20" s="225"/>
      <c r="V20" s="225">
        <f>SUM(V21:AA28)</f>
        <v>23264.809999999998</v>
      </c>
      <c r="W20" s="225"/>
      <c r="X20" s="225"/>
      <c r="Y20" s="225"/>
      <c r="Z20" s="225"/>
      <c r="AA20" s="225"/>
      <c r="AB20" s="225">
        <f>SUM(AB21:AG28)</f>
        <v>7088.92</v>
      </c>
      <c r="AC20" s="225"/>
      <c r="AD20" s="225"/>
      <c r="AE20" s="225"/>
      <c r="AF20" s="225"/>
      <c r="AG20" s="226"/>
    </row>
    <row r="21" spans="1:33" s="1" customFormat="1" ht="15.95" customHeight="1" x14ac:dyDescent="0.15">
      <c r="A21" s="758"/>
      <c r="B21" s="659" t="s">
        <v>141</v>
      </c>
      <c r="C21" s="659"/>
      <c r="D21" s="557"/>
      <c r="E21" s="245" t="s">
        <v>97</v>
      </c>
      <c r="F21" s="245"/>
      <c r="G21" s="245"/>
      <c r="H21" s="245"/>
      <c r="I21" s="288"/>
      <c r="J21" s="401">
        <v>6</v>
      </c>
      <c r="K21" s="219"/>
      <c r="L21" s="219"/>
      <c r="M21" s="219">
        <v>1</v>
      </c>
      <c r="N21" s="219"/>
      <c r="O21" s="219"/>
      <c r="P21" s="219">
        <v>668</v>
      </c>
      <c r="Q21" s="219"/>
      <c r="R21" s="219"/>
      <c r="S21" s="219"/>
      <c r="T21" s="219"/>
      <c r="U21" s="219"/>
      <c r="V21" s="219">
        <v>2976</v>
      </c>
      <c r="W21" s="219"/>
      <c r="X21" s="219"/>
      <c r="Y21" s="219"/>
      <c r="Z21" s="219"/>
      <c r="AA21" s="219"/>
      <c r="AB21" s="219">
        <v>1117</v>
      </c>
      <c r="AC21" s="219"/>
      <c r="AD21" s="219"/>
      <c r="AE21" s="219"/>
      <c r="AF21" s="219"/>
      <c r="AG21" s="220"/>
    </row>
    <row r="22" spans="1:33" s="1" customFormat="1" ht="15.95" customHeight="1" x14ac:dyDescent="0.15">
      <c r="A22" s="758"/>
      <c r="B22" s="347"/>
      <c r="C22" s="347"/>
      <c r="D22" s="348"/>
      <c r="E22" s="245" t="s">
        <v>99</v>
      </c>
      <c r="F22" s="245"/>
      <c r="G22" s="245"/>
      <c r="H22" s="245"/>
      <c r="I22" s="288"/>
      <c r="J22" s="401">
        <v>5</v>
      </c>
      <c r="K22" s="219"/>
      <c r="L22" s="219"/>
      <c r="M22" s="219">
        <v>1</v>
      </c>
      <c r="N22" s="219"/>
      <c r="O22" s="219"/>
      <c r="P22" s="219">
        <v>887</v>
      </c>
      <c r="Q22" s="219"/>
      <c r="R22" s="219"/>
      <c r="S22" s="219"/>
      <c r="T22" s="219"/>
      <c r="U22" s="219"/>
      <c r="V22" s="219">
        <v>1675</v>
      </c>
      <c r="W22" s="219"/>
      <c r="X22" s="219"/>
      <c r="Y22" s="219"/>
      <c r="Z22" s="219"/>
      <c r="AA22" s="219"/>
      <c r="AB22" s="219">
        <v>613</v>
      </c>
      <c r="AC22" s="219"/>
      <c r="AD22" s="219"/>
      <c r="AE22" s="219"/>
      <c r="AF22" s="219"/>
      <c r="AG22" s="220"/>
    </row>
    <row r="23" spans="1:33" s="1" customFormat="1" ht="15.95" customHeight="1" x14ac:dyDescent="0.15">
      <c r="A23" s="758"/>
      <c r="B23" s="347"/>
      <c r="C23" s="347"/>
      <c r="D23" s="348"/>
      <c r="E23" s="245" t="s">
        <v>101</v>
      </c>
      <c r="F23" s="245"/>
      <c r="G23" s="245"/>
      <c r="H23" s="245"/>
      <c r="I23" s="288"/>
      <c r="J23" s="401">
        <v>4</v>
      </c>
      <c r="K23" s="219"/>
      <c r="L23" s="219"/>
      <c r="M23" s="219">
        <v>1</v>
      </c>
      <c r="N23" s="219"/>
      <c r="O23" s="219"/>
      <c r="P23" s="219">
        <v>646</v>
      </c>
      <c r="Q23" s="219"/>
      <c r="R23" s="219"/>
      <c r="S23" s="219"/>
      <c r="T23" s="219"/>
      <c r="U23" s="219"/>
      <c r="V23" s="219">
        <v>2042</v>
      </c>
      <c r="W23" s="219"/>
      <c r="X23" s="219"/>
      <c r="Y23" s="219"/>
      <c r="Z23" s="219"/>
      <c r="AA23" s="219"/>
      <c r="AB23" s="219">
        <v>701</v>
      </c>
      <c r="AC23" s="219"/>
      <c r="AD23" s="219"/>
      <c r="AE23" s="219"/>
      <c r="AF23" s="219"/>
      <c r="AG23" s="220"/>
    </row>
    <row r="24" spans="1:33" s="1" customFormat="1" ht="15.95" customHeight="1" x14ac:dyDescent="0.15">
      <c r="A24" s="758"/>
      <c r="B24" s="347"/>
      <c r="C24" s="347"/>
      <c r="D24" s="348"/>
      <c r="E24" s="245" t="s">
        <v>102</v>
      </c>
      <c r="F24" s="245"/>
      <c r="G24" s="245"/>
      <c r="H24" s="245"/>
      <c r="I24" s="288"/>
      <c r="J24" s="401">
        <v>4</v>
      </c>
      <c r="K24" s="219"/>
      <c r="L24" s="219"/>
      <c r="M24" s="219">
        <v>1</v>
      </c>
      <c r="N24" s="219"/>
      <c r="O24" s="219"/>
      <c r="P24" s="219">
        <v>1082</v>
      </c>
      <c r="Q24" s="219"/>
      <c r="R24" s="219"/>
      <c r="S24" s="219"/>
      <c r="T24" s="219"/>
      <c r="U24" s="219"/>
      <c r="V24" s="219">
        <v>2388</v>
      </c>
      <c r="W24" s="219"/>
      <c r="X24" s="219"/>
      <c r="Y24" s="219"/>
      <c r="Z24" s="219"/>
      <c r="AA24" s="219"/>
      <c r="AB24" s="219">
        <v>978</v>
      </c>
      <c r="AC24" s="219"/>
      <c r="AD24" s="219"/>
      <c r="AE24" s="219"/>
      <c r="AF24" s="219"/>
      <c r="AG24" s="220"/>
    </row>
    <row r="25" spans="1:33" s="1" customFormat="1" ht="15.95" customHeight="1" x14ac:dyDescent="0.15">
      <c r="A25" s="758"/>
      <c r="B25" s="347"/>
      <c r="C25" s="347"/>
      <c r="D25" s="348"/>
      <c r="E25" s="245" t="s">
        <v>103</v>
      </c>
      <c r="F25" s="245"/>
      <c r="G25" s="245"/>
      <c r="H25" s="245"/>
      <c r="I25" s="288"/>
      <c r="J25" s="401">
        <v>6</v>
      </c>
      <c r="K25" s="219"/>
      <c r="L25" s="219"/>
      <c r="M25" s="219">
        <v>1</v>
      </c>
      <c r="N25" s="219"/>
      <c r="O25" s="219"/>
      <c r="P25" s="219">
        <v>698</v>
      </c>
      <c r="Q25" s="219"/>
      <c r="R25" s="219"/>
      <c r="S25" s="219"/>
      <c r="T25" s="219"/>
      <c r="U25" s="219"/>
      <c r="V25" s="219">
        <v>3326</v>
      </c>
      <c r="W25" s="219"/>
      <c r="X25" s="219"/>
      <c r="Y25" s="219"/>
      <c r="Z25" s="219"/>
      <c r="AA25" s="219"/>
      <c r="AB25" s="219">
        <v>800</v>
      </c>
      <c r="AC25" s="219"/>
      <c r="AD25" s="219"/>
      <c r="AE25" s="219"/>
      <c r="AF25" s="219"/>
      <c r="AG25" s="220"/>
    </row>
    <row r="26" spans="1:33" s="1" customFormat="1" ht="15.95" customHeight="1" x14ac:dyDescent="0.15">
      <c r="A26" s="758"/>
      <c r="B26" s="585"/>
      <c r="C26" s="585"/>
      <c r="D26" s="560"/>
      <c r="E26" s="245" t="s">
        <v>104</v>
      </c>
      <c r="F26" s="245"/>
      <c r="G26" s="245"/>
      <c r="H26" s="245"/>
      <c r="I26" s="288"/>
      <c r="J26" s="401">
        <v>3</v>
      </c>
      <c r="K26" s="219"/>
      <c r="L26" s="219"/>
      <c r="M26" s="219">
        <v>1</v>
      </c>
      <c r="N26" s="219"/>
      <c r="O26" s="219"/>
      <c r="P26" s="219">
        <v>491</v>
      </c>
      <c r="Q26" s="219"/>
      <c r="R26" s="219"/>
      <c r="S26" s="219"/>
      <c r="T26" s="219"/>
      <c r="U26" s="219"/>
      <c r="V26" s="219">
        <v>1273</v>
      </c>
      <c r="W26" s="219"/>
      <c r="X26" s="219"/>
      <c r="Y26" s="219"/>
      <c r="Z26" s="219"/>
      <c r="AA26" s="219"/>
      <c r="AB26" s="219">
        <v>405</v>
      </c>
      <c r="AC26" s="219"/>
      <c r="AD26" s="219"/>
      <c r="AE26" s="219"/>
      <c r="AF26" s="219"/>
      <c r="AG26" s="220"/>
    </row>
    <row r="27" spans="1:33" s="1" customFormat="1" ht="15.95" customHeight="1" x14ac:dyDescent="0.15">
      <c r="A27" s="758"/>
      <c r="B27" s="659" t="s">
        <v>142</v>
      </c>
      <c r="C27" s="659"/>
      <c r="D27" s="557"/>
      <c r="E27" s="245" t="s">
        <v>49</v>
      </c>
      <c r="F27" s="245"/>
      <c r="G27" s="245"/>
      <c r="H27" s="245"/>
      <c r="I27" s="245"/>
      <c r="J27" s="185">
        <v>10</v>
      </c>
      <c r="K27" s="185"/>
      <c r="L27" s="185"/>
      <c r="M27" s="185">
        <v>1</v>
      </c>
      <c r="N27" s="185"/>
      <c r="O27" s="185"/>
      <c r="P27" s="180">
        <v>1309.96</v>
      </c>
      <c r="Q27" s="180"/>
      <c r="R27" s="180"/>
      <c r="S27" s="180"/>
      <c r="T27" s="180"/>
      <c r="U27" s="180"/>
      <c r="V27" s="180">
        <v>2261.81</v>
      </c>
      <c r="W27" s="181"/>
      <c r="X27" s="181"/>
      <c r="Y27" s="181"/>
      <c r="Z27" s="181"/>
      <c r="AA27" s="181"/>
      <c r="AB27" s="180">
        <v>1588.92</v>
      </c>
      <c r="AC27" s="181"/>
      <c r="AD27" s="181"/>
      <c r="AE27" s="181"/>
      <c r="AF27" s="181"/>
      <c r="AG27" s="182"/>
    </row>
    <row r="28" spans="1:33" s="1" customFormat="1" ht="15.95" customHeight="1" x14ac:dyDescent="0.15">
      <c r="A28" s="759"/>
      <c r="B28" s="350"/>
      <c r="C28" s="350"/>
      <c r="D28" s="351"/>
      <c r="E28" s="419" t="s">
        <v>177</v>
      </c>
      <c r="F28" s="419"/>
      <c r="G28" s="419"/>
      <c r="H28" s="419"/>
      <c r="I28" s="780"/>
      <c r="J28" s="437">
        <v>4</v>
      </c>
      <c r="K28" s="438"/>
      <c r="L28" s="438"/>
      <c r="M28" s="438">
        <v>1</v>
      </c>
      <c r="N28" s="438"/>
      <c r="O28" s="438"/>
      <c r="P28" s="438">
        <v>1364</v>
      </c>
      <c r="Q28" s="438"/>
      <c r="R28" s="438"/>
      <c r="S28" s="438"/>
      <c r="T28" s="438"/>
      <c r="U28" s="438"/>
      <c r="V28" s="438">
        <v>7323</v>
      </c>
      <c r="W28" s="736"/>
      <c r="X28" s="736"/>
      <c r="Y28" s="736"/>
      <c r="Z28" s="736"/>
      <c r="AA28" s="736"/>
      <c r="AB28" s="438">
        <v>886</v>
      </c>
      <c r="AC28" s="736"/>
      <c r="AD28" s="736"/>
      <c r="AE28" s="736"/>
      <c r="AF28" s="736"/>
      <c r="AG28" s="737"/>
    </row>
    <row r="29" spans="1:33" s="2" customFormat="1" ht="13.5" customHeight="1" x14ac:dyDescent="0.15">
      <c r="A29" s="8" t="s">
        <v>50</v>
      </c>
      <c r="R29" s="33"/>
      <c r="T29" s="16"/>
      <c r="U29" s="16"/>
      <c r="V29" s="16"/>
      <c r="W29" s="16"/>
      <c r="X29" s="16"/>
      <c r="Y29" s="16"/>
      <c r="Z29" s="16"/>
      <c r="AA29" s="16"/>
      <c r="AB29" s="16"/>
      <c r="AC29" s="16"/>
      <c r="AD29" s="16"/>
      <c r="AE29" s="16"/>
      <c r="AF29" s="16"/>
      <c r="AG29" s="16" t="s">
        <v>523</v>
      </c>
    </row>
    <row r="30" spans="1:33" s="1" customFormat="1" ht="15.95" customHeight="1" x14ac:dyDescent="0.15">
      <c r="A30" s="2"/>
    </row>
    <row r="31" spans="1:33" s="1" customFormat="1" ht="20.100000000000001" customHeight="1" x14ac:dyDescent="0.15">
      <c r="A31" s="4" t="s">
        <v>264</v>
      </c>
    </row>
    <row r="32" spans="1:33" s="1" customFormat="1" ht="15.95" customHeight="1" x14ac:dyDescent="0.15">
      <c r="B32" s="1" t="s">
        <v>27</v>
      </c>
      <c r="AB32" s="15"/>
      <c r="AC32" s="15"/>
      <c r="AD32" s="15"/>
      <c r="AE32" s="15"/>
      <c r="AF32" s="15"/>
      <c r="AG32" s="24" t="s">
        <v>28</v>
      </c>
    </row>
    <row r="33" spans="1:33" s="1" customFormat="1" ht="14.1" customHeight="1" x14ac:dyDescent="0.15">
      <c r="A33" s="396" t="s">
        <v>146</v>
      </c>
      <c r="B33" s="397"/>
      <c r="C33" s="397"/>
      <c r="D33" s="397"/>
      <c r="E33" s="397"/>
      <c r="F33" s="411"/>
      <c r="G33" s="210">
        <v>5</v>
      </c>
      <c r="H33" s="211"/>
      <c r="I33" s="211"/>
      <c r="J33" s="211"/>
      <c r="K33" s="211"/>
      <c r="L33" s="211"/>
      <c r="M33" s="211"/>
      <c r="N33" s="211"/>
      <c r="O33" s="212"/>
      <c r="P33" s="210">
        <v>6</v>
      </c>
      <c r="Q33" s="211"/>
      <c r="R33" s="211"/>
      <c r="S33" s="211"/>
      <c r="T33" s="211"/>
      <c r="U33" s="211"/>
      <c r="V33" s="211"/>
      <c r="W33" s="211"/>
      <c r="X33" s="212"/>
      <c r="Y33" s="664">
        <v>7</v>
      </c>
      <c r="Z33" s="665"/>
      <c r="AA33" s="665"/>
      <c r="AB33" s="665"/>
      <c r="AC33" s="665"/>
      <c r="AD33" s="665"/>
      <c r="AE33" s="665"/>
      <c r="AF33" s="665"/>
      <c r="AG33" s="665"/>
    </row>
    <row r="34" spans="1:33" s="1" customFormat="1" ht="14.1" customHeight="1" x14ac:dyDescent="0.15">
      <c r="A34" s="420" t="s">
        <v>30</v>
      </c>
      <c r="B34" s="421"/>
      <c r="C34" s="421"/>
      <c r="D34" s="421"/>
      <c r="E34" s="421"/>
      <c r="F34" s="422"/>
      <c r="G34" s="213"/>
      <c r="H34" s="214"/>
      <c r="I34" s="214"/>
      <c r="J34" s="214"/>
      <c r="K34" s="214"/>
      <c r="L34" s="214"/>
      <c r="M34" s="214"/>
      <c r="N34" s="214"/>
      <c r="O34" s="215"/>
      <c r="P34" s="213"/>
      <c r="Q34" s="214"/>
      <c r="R34" s="214"/>
      <c r="S34" s="214"/>
      <c r="T34" s="214"/>
      <c r="U34" s="214"/>
      <c r="V34" s="214"/>
      <c r="W34" s="214"/>
      <c r="X34" s="215"/>
      <c r="Y34" s="666"/>
      <c r="Z34" s="667"/>
      <c r="AA34" s="667"/>
      <c r="AB34" s="667"/>
      <c r="AC34" s="667"/>
      <c r="AD34" s="667"/>
      <c r="AE34" s="667"/>
      <c r="AF34" s="667"/>
      <c r="AG34" s="667"/>
    </row>
    <row r="35" spans="1:33" s="1" customFormat="1" ht="15.95" customHeight="1" x14ac:dyDescent="0.15">
      <c r="A35" s="740" t="s">
        <v>31</v>
      </c>
      <c r="B35" s="517"/>
      <c r="C35" s="517"/>
      <c r="D35" s="517"/>
      <c r="E35" s="517"/>
      <c r="F35" s="518"/>
      <c r="G35" s="415">
        <v>4</v>
      </c>
      <c r="H35" s="391"/>
      <c r="I35" s="391"/>
      <c r="J35" s="391"/>
      <c r="K35" s="391"/>
      <c r="L35" s="391"/>
      <c r="M35" s="391"/>
      <c r="N35" s="391"/>
      <c r="O35" s="391"/>
      <c r="P35" s="415">
        <v>4</v>
      </c>
      <c r="Q35" s="391"/>
      <c r="R35" s="391"/>
      <c r="S35" s="391"/>
      <c r="T35" s="391"/>
      <c r="U35" s="391"/>
      <c r="V35" s="391"/>
      <c r="W35" s="391"/>
      <c r="X35" s="392"/>
      <c r="Y35" s="746">
        <v>5</v>
      </c>
      <c r="Z35" s="746"/>
      <c r="AA35" s="746"/>
      <c r="AB35" s="746"/>
      <c r="AC35" s="746"/>
      <c r="AD35" s="746"/>
      <c r="AE35" s="746"/>
      <c r="AF35" s="746"/>
      <c r="AG35" s="747"/>
    </row>
    <row r="36" spans="1:33" s="1" customFormat="1" ht="13.5" customHeight="1" x14ac:dyDescent="0.15">
      <c r="A36" s="753"/>
      <c r="B36" s="754"/>
      <c r="C36" s="754"/>
      <c r="D36" s="754"/>
      <c r="E36" s="754"/>
      <c r="F36" s="755"/>
      <c r="G36" s="741" t="s">
        <v>1</v>
      </c>
      <c r="H36" s="742"/>
      <c r="I36" s="743"/>
      <c r="J36" s="741" t="s">
        <v>2</v>
      </c>
      <c r="K36" s="742"/>
      <c r="L36" s="743"/>
      <c r="M36" s="742" t="s">
        <v>3</v>
      </c>
      <c r="N36" s="742"/>
      <c r="O36" s="742"/>
      <c r="P36" s="741" t="s">
        <v>1</v>
      </c>
      <c r="Q36" s="742"/>
      <c r="R36" s="743"/>
      <c r="S36" s="741" t="s">
        <v>2</v>
      </c>
      <c r="T36" s="742"/>
      <c r="U36" s="743"/>
      <c r="V36" s="742" t="s">
        <v>3</v>
      </c>
      <c r="W36" s="742"/>
      <c r="X36" s="743"/>
      <c r="Y36" s="748" t="s">
        <v>32</v>
      </c>
      <c r="Z36" s="748"/>
      <c r="AA36" s="749"/>
      <c r="AB36" s="756" t="s">
        <v>33</v>
      </c>
      <c r="AC36" s="748"/>
      <c r="AD36" s="749"/>
      <c r="AE36" s="748" t="s">
        <v>34</v>
      </c>
      <c r="AF36" s="748"/>
      <c r="AG36" s="750"/>
    </row>
    <row r="37" spans="1:33" s="1" customFormat="1" ht="15.75" customHeight="1" x14ac:dyDescent="0.15">
      <c r="A37" s="384" t="s">
        <v>35</v>
      </c>
      <c r="B37" s="242"/>
      <c r="C37" s="242"/>
      <c r="D37" s="242"/>
      <c r="E37" s="242"/>
      <c r="F37" s="243"/>
      <c r="G37" s="626">
        <v>129</v>
      </c>
      <c r="H37" s="227"/>
      <c r="I37" s="227"/>
      <c r="J37" s="227">
        <v>4</v>
      </c>
      <c r="K37" s="227"/>
      <c r="L37" s="227"/>
      <c r="M37" s="227">
        <v>125</v>
      </c>
      <c r="N37" s="227"/>
      <c r="O37" s="227"/>
      <c r="P37" s="227">
        <v>117</v>
      </c>
      <c r="Q37" s="227"/>
      <c r="R37" s="227"/>
      <c r="S37" s="227">
        <v>5</v>
      </c>
      <c r="T37" s="227"/>
      <c r="U37" s="227"/>
      <c r="V37" s="227">
        <v>112</v>
      </c>
      <c r="W37" s="227"/>
      <c r="X37" s="227"/>
      <c r="Y37" s="186">
        <v>190</v>
      </c>
      <c r="Z37" s="186"/>
      <c r="AA37" s="186"/>
      <c r="AB37" s="186">
        <v>5</v>
      </c>
      <c r="AC37" s="186"/>
      <c r="AD37" s="186"/>
      <c r="AE37" s="235">
        <v>185</v>
      </c>
      <c r="AF37" s="235"/>
      <c r="AG37" s="236"/>
    </row>
    <row r="38" spans="1:33" s="1" customFormat="1" ht="15.75" customHeight="1" x14ac:dyDescent="0.15">
      <c r="A38" s="384" t="s">
        <v>36</v>
      </c>
      <c r="B38" s="242"/>
      <c r="C38" s="242"/>
      <c r="D38" s="242"/>
      <c r="E38" s="242"/>
      <c r="F38" s="243"/>
      <c r="G38" s="244">
        <v>657</v>
      </c>
      <c r="H38" s="191"/>
      <c r="I38" s="191"/>
      <c r="J38" s="191">
        <v>341</v>
      </c>
      <c r="K38" s="191"/>
      <c r="L38" s="191"/>
      <c r="M38" s="191">
        <v>316</v>
      </c>
      <c r="N38" s="191"/>
      <c r="O38" s="191"/>
      <c r="P38" s="191">
        <v>713</v>
      </c>
      <c r="Q38" s="191"/>
      <c r="R38" s="191"/>
      <c r="S38" s="191">
        <v>372</v>
      </c>
      <c r="T38" s="191"/>
      <c r="U38" s="191"/>
      <c r="V38" s="191">
        <v>341</v>
      </c>
      <c r="W38" s="191"/>
      <c r="X38" s="191"/>
      <c r="Y38" s="186">
        <v>970</v>
      </c>
      <c r="Z38" s="186"/>
      <c r="AA38" s="186"/>
      <c r="AB38" s="186">
        <v>514</v>
      </c>
      <c r="AC38" s="186"/>
      <c r="AD38" s="186"/>
      <c r="AE38" s="186">
        <v>456</v>
      </c>
      <c r="AF38" s="186"/>
      <c r="AG38" s="216"/>
    </row>
    <row r="39" spans="1:33" s="1" customFormat="1" ht="15.75" customHeight="1" x14ac:dyDescent="0.15">
      <c r="A39" s="13"/>
      <c r="B39" s="242" t="s">
        <v>268</v>
      </c>
      <c r="C39" s="242"/>
      <c r="D39" s="242"/>
      <c r="E39" s="242"/>
      <c r="F39" s="243"/>
      <c r="G39" s="244">
        <v>36</v>
      </c>
      <c r="H39" s="191"/>
      <c r="I39" s="191"/>
      <c r="J39" s="191">
        <v>19</v>
      </c>
      <c r="K39" s="191"/>
      <c r="L39" s="191"/>
      <c r="M39" s="191">
        <v>17</v>
      </c>
      <c r="N39" s="191"/>
      <c r="O39" s="191"/>
      <c r="P39" s="191">
        <v>39</v>
      </c>
      <c r="Q39" s="191"/>
      <c r="R39" s="191"/>
      <c r="S39" s="191">
        <v>20</v>
      </c>
      <c r="T39" s="191"/>
      <c r="U39" s="191"/>
      <c r="V39" s="191">
        <v>19</v>
      </c>
      <c r="W39" s="191"/>
      <c r="X39" s="191"/>
      <c r="Y39" s="186">
        <v>47</v>
      </c>
      <c r="Z39" s="186"/>
      <c r="AA39" s="186"/>
      <c r="AB39" s="186">
        <v>26</v>
      </c>
      <c r="AC39" s="186"/>
      <c r="AD39" s="186"/>
      <c r="AE39" s="186">
        <v>21</v>
      </c>
      <c r="AF39" s="186"/>
      <c r="AG39" s="216"/>
    </row>
    <row r="40" spans="1:33" s="1" customFormat="1" ht="15.75" customHeight="1" x14ac:dyDescent="0.15">
      <c r="A40" s="13"/>
      <c r="B40" s="242" t="s">
        <v>269</v>
      </c>
      <c r="C40" s="242"/>
      <c r="D40" s="242"/>
      <c r="E40" s="242"/>
      <c r="F40" s="243"/>
      <c r="G40" s="244">
        <v>96</v>
      </c>
      <c r="H40" s="191"/>
      <c r="I40" s="191"/>
      <c r="J40" s="191">
        <v>51</v>
      </c>
      <c r="K40" s="191"/>
      <c r="L40" s="191"/>
      <c r="M40" s="191">
        <v>45</v>
      </c>
      <c r="N40" s="191"/>
      <c r="O40" s="191"/>
      <c r="P40" s="191">
        <v>89</v>
      </c>
      <c r="Q40" s="191"/>
      <c r="R40" s="191"/>
      <c r="S40" s="191">
        <v>44</v>
      </c>
      <c r="T40" s="191"/>
      <c r="U40" s="191"/>
      <c r="V40" s="191">
        <v>45</v>
      </c>
      <c r="W40" s="191"/>
      <c r="X40" s="191"/>
      <c r="Y40" s="186">
        <v>116</v>
      </c>
      <c r="Z40" s="186"/>
      <c r="AA40" s="186"/>
      <c r="AB40" s="186">
        <v>59</v>
      </c>
      <c r="AC40" s="186"/>
      <c r="AD40" s="186"/>
      <c r="AE40" s="186">
        <v>57</v>
      </c>
      <c r="AF40" s="186"/>
      <c r="AG40" s="216"/>
    </row>
    <row r="41" spans="1:33" s="1" customFormat="1" ht="15.75" customHeight="1" x14ac:dyDescent="0.15">
      <c r="A41" s="13"/>
      <c r="B41" s="242" t="s">
        <v>270</v>
      </c>
      <c r="C41" s="242"/>
      <c r="D41" s="242"/>
      <c r="E41" s="242"/>
      <c r="F41" s="243"/>
      <c r="G41" s="244">
        <v>102</v>
      </c>
      <c r="H41" s="191"/>
      <c r="I41" s="191"/>
      <c r="J41" s="191">
        <v>48</v>
      </c>
      <c r="K41" s="191"/>
      <c r="L41" s="191"/>
      <c r="M41" s="191">
        <v>54</v>
      </c>
      <c r="N41" s="191"/>
      <c r="O41" s="191"/>
      <c r="P41" s="191">
        <v>112</v>
      </c>
      <c r="Q41" s="191"/>
      <c r="R41" s="191"/>
      <c r="S41" s="191">
        <v>67</v>
      </c>
      <c r="T41" s="191"/>
      <c r="U41" s="191"/>
      <c r="V41" s="191">
        <v>45</v>
      </c>
      <c r="W41" s="191"/>
      <c r="X41" s="191"/>
      <c r="Y41" s="186">
        <v>150</v>
      </c>
      <c r="Z41" s="186"/>
      <c r="AA41" s="186"/>
      <c r="AB41" s="186">
        <v>78</v>
      </c>
      <c r="AC41" s="186"/>
      <c r="AD41" s="186"/>
      <c r="AE41" s="186">
        <v>72</v>
      </c>
      <c r="AF41" s="186"/>
      <c r="AG41" s="216"/>
    </row>
    <row r="42" spans="1:33" s="1" customFormat="1" ht="15.75" customHeight="1" x14ac:dyDescent="0.15">
      <c r="A42" s="13"/>
      <c r="B42" s="242" t="s">
        <v>156</v>
      </c>
      <c r="C42" s="242"/>
      <c r="D42" s="242"/>
      <c r="E42" s="242"/>
      <c r="F42" s="243"/>
      <c r="G42" s="244">
        <v>142</v>
      </c>
      <c r="H42" s="191"/>
      <c r="I42" s="191"/>
      <c r="J42" s="191">
        <v>68</v>
      </c>
      <c r="K42" s="191"/>
      <c r="L42" s="191"/>
      <c r="M42" s="191">
        <v>74</v>
      </c>
      <c r="N42" s="191"/>
      <c r="O42" s="191"/>
      <c r="P42" s="191">
        <v>166</v>
      </c>
      <c r="Q42" s="191"/>
      <c r="R42" s="191"/>
      <c r="S42" s="191">
        <v>79</v>
      </c>
      <c r="T42" s="191"/>
      <c r="U42" s="191"/>
      <c r="V42" s="191">
        <v>87</v>
      </c>
      <c r="W42" s="191"/>
      <c r="X42" s="191"/>
      <c r="Y42" s="186">
        <v>224</v>
      </c>
      <c r="Z42" s="186"/>
      <c r="AA42" s="186"/>
      <c r="AB42" s="186">
        <v>123</v>
      </c>
      <c r="AC42" s="186"/>
      <c r="AD42" s="186"/>
      <c r="AE42" s="186">
        <v>101</v>
      </c>
      <c r="AF42" s="186"/>
      <c r="AG42" s="216"/>
    </row>
    <row r="43" spans="1:33" s="1" customFormat="1" ht="15.75" customHeight="1" x14ac:dyDescent="0.15">
      <c r="A43" s="13"/>
      <c r="B43" s="242" t="s">
        <v>4</v>
      </c>
      <c r="C43" s="242"/>
      <c r="D43" s="242"/>
      <c r="E43" s="242"/>
      <c r="F43" s="243"/>
      <c r="G43" s="244">
        <v>147</v>
      </c>
      <c r="H43" s="191"/>
      <c r="I43" s="191"/>
      <c r="J43" s="191">
        <v>83</v>
      </c>
      <c r="K43" s="191"/>
      <c r="L43" s="191"/>
      <c r="M43" s="191">
        <v>64</v>
      </c>
      <c r="N43" s="191"/>
      <c r="O43" s="191"/>
      <c r="P43" s="191">
        <v>155</v>
      </c>
      <c r="Q43" s="191"/>
      <c r="R43" s="191"/>
      <c r="S43" s="191">
        <v>77</v>
      </c>
      <c r="T43" s="191"/>
      <c r="U43" s="191"/>
      <c r="V43" s="191">
        <v>78</v>
      </c>
      <c r="W43" s="191"/>
      <c r="X43" s="191"/>
      <c r="Y43" s="186">
        <v>219</v>
      </c>
      <c r="Z43" s="186"/>
      <c r="AA43" s="186"/>
      <c r="AB43" s="186">
        <v>116</v>
      </c>
      <c r="AC43" s="186"/>
      <c r="AD43" s="186"/>
      <c r="AE43" s="186">
        <v>103</v>
      </c>
      <c r="AF43" s="186"/>
      <c r="AG43" s="216"/>
    </row>
    <row r="44" spans="1:33" s="1" customFormat="1" ht="15.75" customHeight="1" x14ac:dyDescent="0.15">
      <c r="A44" s="14"/>
      <c r="B44" s="248" t="s">
        <v>5</v>
      </c>
      <c r="C44" s="248"/>
      <c r="D44" s="248"/>
      <c r="E44" s="248"/>
      <c r="F44" s="249"/>
      <c r="G44" s="473">
        <v>134</v>
      </c>
      <c r="H44" s="239"/>
      <c r="I44" s="239"/>
      <c r="J44" s="239">
        <v>72</v>
      </c>
      <c r="K44" s="239"/>
      <c r="L44" s="239"/>
      <c r="M44" s="239">
        <v>62</v>
      </c>
      <c r="N44" s="239"/>
      <c r="O44" s="239"/>
      <c r="P44" s="239">
        <v>152</v>
      </c>
      <c r="Q44" s="239"/>
      <c r="R44" s="239"/>
      <c r="S44" s="239">
        <v>85</v>
      </c>
      <c r="T44" s="239"/>
      <c r="U44" s="239"/>
      <c r="V44" s="239">
        <v>67</v>
      </c>
      <c r="W44" s="239"/>
      <c r="X44" s="239"/>
      <c r="Y44" s="237">
        <v>214</v>
      </c>
      <c r="Z44" s="237"/>
      <c r="AA44" s="237"/>
      <c r="AB44" s="237">
        <v>112</v>
      </c>
      <c r="AC44" s="237"/>
      <c r="AD44" s="237"/>
      <c r="AE44" s="237">
        <v>102</v>
      </c>
      <c r="AF44" s="237"/>
      <c r="AG44" s="238"/>
    </row>
    <row r="45" spans="1:33" s="2" customFormat="1" ht="13.5" customHeight="1" x14ac:dyDescent="0.15">
      <c r="A45" s="8" t="s">
        <v>457</v>
      </c>
      <c r="W45" s="3"/>
      <c r="Y45" s="3"/>
      <c r="Z45" s="3"/>
      <c r="AA45" s="3"/>
      <c r="AB45" s="3"/>
      <c r="AC45" s="3"/>
      <c r="AD45" s="3"/>
      <c r="AE45" s="3"/>
      <c r="AF45" s="3"/>
      <c r="AG45" s="3" t="s">
        <v>231</v>
      </c>
    </row>
    <row r="46" spans="1:33" s="1" customFormat="1" ht="15.95" customHeight="1" x14ac:dyDescent="0.15">
      <c r="A46" s="2"/>
    </row>
    <row r="47" spans="1:33" s="1" customFormat="1" ht="20.100000000000001" customHeight="1" x14ac:dyDescent="0.15">
      <c r="A47" s="4" t="s">
        <v>265</v>
      </c>
    </row>
    <row r="48" spans="1:33" s="1" customFormat="1" ht="15.95" customHeight="1" x14ac:dyDescent="0.15">
      <c r="B48" s="1" t="s">
        <v>599</v>
      </c>
      <c r="AB48" s="5"/>
      <c r="AC48" s="5"/>
      <c r="AD48" s="5"/>
      <c r="AE48" s="5"/>
      <c r="AF48" s="5"/>
      <c r="AG48" s="19" t="s">
        <v>39</v>
      </c>
    </row>
    <row r="49" spans="1:33" s="1" customFormat="1" ht="14.1" customHeight="1" x14ac:dyDescent="0.15">
      <c r="A49" s="246" t="s">
        <v>30</v>
      </c>
      <c r="B49" s="247"/>
      <c r="C49" s="247"/>
      <c r="D49" s="247"/>
      <c r="E49" s="247"/>
      <c r="F49" s="247"/>
      <c r="G49" s="247"/>
      <c r="H49" s="247"/>
      <c r="I49" s="247"/>
      <c r="J49" s="471" t="s">
        <v>40</v>
      </c>
      <c r="K49" s="471"/>
      <c r="L49" s="471"/>
      <c r="M49" s="471"/>
      <c r="N49" s="471"/>
      <c r="O49" s="471"/>
      <c r="P49" s="471" t="s">
        <v>41</v>
      </c>
      <c r="Q49" s="471"/>
      <c r="R49" s="471"/>
      <c r="S49" s="471"/>
      <c r="T49" s="471"/>
      <c r="U49" s="471"/>
      <c r="V49" s="471" t="s">
        <v>42</v>
      </c>
      <c r="W49" s="471"/>
      <c r="X49" s="471"/>
      <c r="Y49" s="471"/>
      <c r="Z49" s="471"/>
      <c r="AA49" s="472"/>
      <c r="AB49" s="434"/>
      <c r="AC49" s="435"/>
      <c r="AD49" s="435"/>
      <c r="AE49" s="435"/>
      <c r="AF49" s="435"/>
      <c r="AG49" s="436"/>
    </row>
    <row r="50" spans="1:33" s="1" customFormat="1" ht="14.1" customHeight="1" x14ac:dyDescent="0.15">
      <c r="A50" s="455" t="s">
        <v>43</v>
      </c>
      <c r="B50" s="456"/>
      <c r="C50" s="456"/>
      <c r="D50" s="456"/>
      <c r="E50" s="456"/>
      <c r="F50" s="456"/>
      <c r="G50" s="456"/>
      <c r="H50" s="456"/>
      <c r="I50" s="456"/>
      <c r="J50" s="250" t="s">
        <v>267</v>
      </c>
      <c r="K50" s="250"/>
      <c r="L50" s="250"/>
      <c r="M50" s="250" t="s">
        <v>45</v>
      </c>
      <c r="N50" s="250"/>
      <c r="O50" s="250"/>
      <c r="P50" s="439"/>
      <c r="Q50" s="439"/>
      <c r="R50" s="439"/>
      <c r="S50" s="439"/>
      <c r="T50" s="439"/>
      <c r="U50" s="439"/>
      <c r="V50" s="439"/>
      <c r="W50" s="439"/>
      <c r="X50" s="439"/>
      <c r="Y50" s="439"/>
      <c r="Z50" s="439"/>
      <c r="AA50" s="439"/>
      <c r="AB50" s="439" t="s">
        <v>65</v>
      </c>
      <c r="AC50" s="439"/>
      <c r="AD50" s="439"/>
      <c r="AE50" s="439"/>
      <c r="AF50" s="439"/>
      <c r="AG50" s="440"/>
    </row>
    <row r="51" spans="1:33" s="36" customFormat="1" ht="24" customHeight="1" x14ac:dyDescent="0.15">
      <c r="A51" s="251" t="s">
        <v>46</v>
      </c>
      <c r="B51" s="252"/>
      <c r="C51" s="252"/>
      <c r="D51" s="252"/>
      <c r="E51" s="252"/>
      <c r="F51" s="252"/>
      <c r="G51" s="252"/>
      <c r="H51" s="252"/>
      <c r="I51" s="253"/>
      <c r="J51" s="744">
        <f>SUM(J52:L56)</f>
        <v>45</v>
      </c>
      <c r="K51" s="744"/>
      <c r="L51" s="516"/>
      <c r="M51" s="745">
        <f>SUM(M52:O56)</f>
        <v>8</v>
      </c>
      <c r="N51" s="744"/>
      <c r="O51" s="516"/>
      <c r="P51" s="225">
        <f>SUM(P52:U56)</f>
        <v>8778.2799999999988</v>
      </c>
      <c r="Q51" s="225"/>
      <c r="R51" s="225"/>
      <c r="S51" s="225"/>
      <c r="T51" s="225"/>
      <c r="U51" s="225"/>
      <c r="V51" s="225">
        <f>SUM(V52:AA56)</f>
        <v>18669.469999999998</v>
      </c>
      <c r="W51" s="225"/>
      <c r="X51" s="225"/>
      <c r="Y51" s="225"/>
      <c r="Z51" s="225"/>
      <c r="AA51" s="225"/>
      <c r="AB51" s="225">
        <f>SUM(AB52:AG56)</f>
        <v>5423.2</v>
      </c>
      <c r="AC51" s="225"/>
      <c r="AD51" s="225"/>
      <c r="AE51" s="225"/>
      <c r="AF51" s="225"/>
      <c r="AG51" s="226"/>
    </row>
    <row r="52" spans="1:33" s="36" customFormat="1" ht="24" customHeight="1" x14ac:dyDescent="0.15">
      <c r="A52" s="81"/>
      <c r="B52" s="556" t="s">
        <v>506</v>
      </c>
      <c r="C52" s="659"/>
      <c r="D52" s="557"/>
      <c r="E52" s="245" t="s">
        <v>48</v>
      </c>
      <c r="F52" s="245"/>
      <c r="G52" s="245"/>
      <c r="H52" s="245"/>
      <c r="I52" s="245"/>
      <c r="J52" s="185">
        <v>8</v>
      </c>
      <c r="K52" s="185"/>
      <c r="L52" s="185"/>
      <c r="M52" s="185">
        <v>2</v>
      </c>
      <c r="N52" s="185"/>
      <c r="O52" s="185"/>
      <c r="P52" s="180">
        <v>2377.39</v>
      </c>
      <c r="Q52" s="180"/>
      <c r="R52" s="180"/>
      <c r="S52" s="180"/>
      <c r="T52" s="180"/>
      <c r="U52" s="180"/>
      <c r="V52" s="180">
        <v>2787.2</v>
      </c>
      <c r="W52" s="181"/>
      <c r="X52" s="181"/>
      <c r="Y52" s="181"/>
      <c r="Z52" s="181"/>
      <c r="AA52" s="181"/>
      <c r="AB52" s="180">
        <v>786.35</v>
      </c>
      <c r="AC52" s="181"/>
      <c r="AD52" s="181"/>
      <c r="AE52" s="181"/>
      <c r="AF52" s="181"/>
      <c r="AG52" s="182"/>
    </row>
    <row r="53" spans="1:33" s="36" customFormat="1" ht="24" customHeight="1" x14ac:dyDescent="0.15">
      <c r="A53" s="81"/>
      <c r="B53" s="559"/>
      <c r="C53" s="585"/>
      <c r="D53" s="560"/>
      <c r="E53" s="245" t="s">
        <v>612</v>
      </c>
      <c r="F53" s="245"/>
      <c r="G53" s="245"/>
      <c r="H53" s="245"/>
      <c r="I53" s="245"/>
      <c r="J53" s="185">
        <v>8</v>
      </c>
      <c r="K53" s="185"/>
      <c r="L53" s="185"/>
      <c r="M53" s="185">
        <v>1</v>
      </c>
      <c r="N53" s="185"/>
      <c r="O53" s="185"/>
      <c r="P53" s="180">
        <v>1207.56</v>
      </c>
      <c r="Q53" s="180"/>
      <c r="R53" s="180"/>
      <c r="S53" s="180"/>
      <c r="T53" s="180"/>
      <c r="U53" s="180"/>
      <c r="V53" s="180">
        <v>3146.52</v>
      </c>
      <c r="W53" s="181"/>
      <c r="X53" s="181"/>
      <c r="Y53" s="181"/>
      <c r="Z53" s="181"/>
      <c r="AA53" s="181"/>
      <c r="AB53" s="180">
        <v>1278.98</v>
      </c>
      <c r="AC53" s="181"/>
      <c r="AD53" s="181"/>
      <c r="AE53" s="181"/>
      <c r="AF53" s="181"/>
      <c r="AG53" s="182"/>
    </row>
    <row r="54" spans="1:33" s="1" customFormat="1" ht="24" customHeight="1" x14ac:dyDescent="0.15">
      <c r="A54" s="59"/>
      <c r="B54" s="659" t="s">
        <v>142</v>
      </c>
      <c r="C54" s="659"/>
      <c r="D54" s="557"/>
      <c r="E54" s="245" t="s">
        <v>266</v>
      </c>
      <c r="F54" s="245"/>
      <c r="G54" s="245"/>
      <c r="H54" s="245"/>
      <c r="I54" s="245"/>
      <c r="J54" s="185">
        <v>13</v>
      </c>
      <c r="K54" s="185"/>
      <c r="L54" s="185"/>
      <c r="M54" s="185">
        <v>1</v>
      </c>
      <c r="N54" s="185"/>
      <c r="O54" s="185"/>
      <c r="P54" s="180">
        <v>1384.95</v>
      </c>
      <c r="Q54" s="180"/>
      <c r="R54" s="180"/>
      <c r="S54" s="180"/>
      <c r="T54" s="180"/>
      <c r="U54" s="180"/>
      <c r="V54" s="180">
        <v>6472.43</v>
      </c>
      <c r="W54" s="181"/>
      <c r="X54" s="181"/>
      <c r="Y54" s="181"/>
      <c r="Z54" s="181"/>
      <c r="AA54" s="181"/>
      <c r="AB54" s="180">
        <v>1297.98</v>
      </c>
      <c r="AC54" s="181"/>
      <c r="AD54" s="181"/>
      <c r="AE54" s="181"/>
      <c r="AF54" s="181"/>
      <c r="AG54" s="182"/>
    </row>
    <row r="55" spans="1:33" s="1" customFormat="1" ht="24" customHeight="1" x14ac:dyDescent="0.15">
      <c r="A55" s="59"/>
      <c r="B55" s="347"/>
      <c r="C55" s="347"/>
      <c r="D55" s="348"/>
      <c r="E55" s="183" t="s">
        <v>513</v>
      </c>
      <c r="F55" s="184"/>
      <c r="G55" s="184"/>
      <c r="H55" s="184"/>
      <c r="I55" s="184"/>
      <c r="J55" s="185">
        <v>7</v>
      </c>
      <c r="K55" s="185"/>
      <c r="L55" s="185"/>
      <c r="M55" s="185">
        <v>2</v>
      </c>
      <c r="N55" s="185"/>
      <c r="O55" s="185"/>
      <c r="P55" s="180">
        <v>2302.56</v>
      </c>
      <c r="Q55" s="180"/>
      <c r="R55" s="180"/>
      <c r="S55" s="180"/>
      <c r="T55" s="180"/>
      <c r="U55" s="180"/>
      <c r="V55" s="180">
        <v>3912.47</v>
      </c>
      <c r="W55" s="181"/>
      <c r="X55" s="181"/>
      <c r="Y55" s="181"/>
      <c r="Z55" s="181"/>
      <c r="AA55" s="181"/>
      <c r="AB55" s="180">
        <v>1174.8900000000001</v>
      </c>
      <c r="AC55" s="181"/>
      <c r="AD55" s="181"/>
      <c r="AE55" s="181"/>
      <c r="AF55" s="181"/>
      <c r="AG55" s="182"/>
    </row>
    <row r="56" spans="1:33" s="1" customFormat="1" ht="24" customHeight="1" x14ac:dyDescent="0.15">
      <c r="A56" s="60"/>
      <c r="B56" s="350"/>
      <c r="C56" s="350"/>
      <c r="D56" s="351"/>
      <c r="E56" s="760" t="s">
        <v>480</v>
      </c>
      <c r="F56" s="761"/>
      <c r="G56" s="761"/>
      <c r="H56" s="761"/>
      <c r="I56" s="762"/>
      <c r="J56" s="437">
        <v>9</v>
      </c>
      <c r="K56" s="438"/>
      <c r="L56" s="438"/>
      <c r="M56" s="438">
        <v>2</v>
      </c>
      <c r="N56" s="438"/>
      <c r="O56" s="438"/>
      <c r="P56" s="709">
        <v>1505.82</v>
      </c>
      <c r="Q56" s="709"/>
      <c r="R56" s="709"/>
      <c r="S56" s="709"/>
      <c r="T56" s="709"/>
      <c r="U56" s="709"/>
      <c r="V56" s="709">
        <v>2350.85</v>
      </c>
      <c r="W56" s="709"/>
      <c r="X56" s="709"/>
      <c r="Y56" s="709"/>
      <c r="Z56" s="709"/>
      <c r="AA56" s="709"/>
      <c r="AB56" s="709">
        <v>885</v>
      </c>
      <c r="AC56" s="709"/>
      <c r="AD56" s="709"/>
      <c r="AE56" s="709"/>
      <c r="AF56" s="709"/>
      <c r="AG56" s="735"/>
    </row>
    <row r="57" spans="1:33" s="1" customFormat="1" ht="15.95" customHeight="1" x14ac:dyDescent="0.15">
      <c r="A57" s="8"/>
      <c r="B57" s="2"/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2"/>
      <c r="O57" s="2"/>
      <c r="P57" s="2"/>
      <c r="Q57" s="2"/>
      <c r="R57" s="33"/>
      <c r="S57" s="2"/>
      <c r="T57" s="16"/>
      <c r="U57" s="16"/>
      <c r="V57" s="16"/>
      <c r="W57" s="16"/>
      <c r="X57" s="16"/>
      <c r="Y57" s="16"/>
      <c r="Z57" s="16"/>
      <c r="AA57" s="16"/>
      <c r="AB57" s="16"/>
      <c r="AC57" s="16"/>
      <c r="AD57" s="16"/>
      <c r="AE57" s="16"/>
      <c r="AF57" s="16"/>
      <c r="AG57" s="16" t="s">
        <v>524</v>
      </c>
    </row>
    <row r="58" spans="1:33" s="1" customFormat="1" ht="15.95" customHeight="1" x14ac:dyDescent="0.15">
      <c r="V58" s="15"/>
      <c r="W58" s="15"/>
      <c r="X58" s="15"/>
      <c r="Y58" s="15"/>
      <c r="Z58" s="15"/>
      <c r="AA58" s="15"/>
      <c r="AB58" s="15"/>
      <c r="AC58" s="15"/>
      <c r="AD58" s="15"/>
      <c r="AE58" s="15"/>
      <c r="AF58" s="15"/>
    </row>
    <row r="59" spans="1:33" s="1" customFormat="1" ht="15.95" customHeight="1" x14ac:dyDescent="0.15">
      <c r="A59" s="4" t="s">
        <v>244</v>
      </c>
    </row>
    <row r="60" spans="1:33" s="1" customFormat="1" ht="15.95" customHeight="1" x14ac:dyDescent="0.15">
      <c r="B60" s="1" t="s">
        <v>27</v>
      </c>
      <c r="AB60" s="5"/>
      <c r="AC60" s="5"/>
      <c r="AD60" s="5"/>
      <c r="AE60" s="5"/>
      <c r="AF60" s="5"/>
      <c r="AG60" s="19" t="s">
        <v>140</v>
      </c>
    </row>
    <row r="61" spans="1:33" s="1" customFormat="1" ht="15.95" customHeight="1" x14ac:dyDescent="0.15">
      <c r="A61" s="396" t="s">
        <v>146</v>
      </c>
      <c r="B61" s="397"/>
      <c r="C61" s="397"/>
      <c r="D61" s="397"/>
      <c r="E61" s="397"/>
      <c r="F61" s="411"/>
      <c r="G61" s="210">
        <v>5</v>
      </c>
      <c r="H61" s="211"/>
      <c r="I61" s="211"/>
      <c r="J61" s="211"/>
      <c r="K61" s="211"/>
      <c r="L61" s="211"/>
      <c r="M61" s="211"/>
      <c r="N61" s="211"/>
      <c r="O61" s="212"/>
      <c r="P61" s="210">
        <v>6</v>
      </c>
      <c r="Q61" s="211"/>
      <c r="R61" s="211"/>
      <c r="S61" s="211"/>
      <c r="T61" s="211"/>
      <c r="U61" s="211"/>
      <c r="V61" s="211"/>
      <c r="W61" s="211"/>
      <c r="X61" s="212"/>
      <c r="Y61" s="134">
        <v>7</v>
      </c>
      <c r="Z61" s="134"/>
      <c r="AA61" s="134"/>
      <c r="AB61" s="134"/>
      <c r="AC61" s="134"/>
      <c r="AD61" s="134"/>
      <c r="AE61" s="134"/>
      <c r="AF61" s="134"/>
      <c r="AG61" s="135"/>
    </row>
    <row r="62" spans="1:33" s="1" customFormat="1" ht="15.95" customHeight="1" x14ac:dyDescent="0.15">
      <c r="A62" s="420" t="s">
        <v>30</v>
      </c>
      <c r="B62" s="421"/>
      <c r="C62" s="421"/>
      <c r="D62" s="421"/>
      <c r="E62" s="421"/>
      <c r="F62" s="422"/>
      <c r="G62" s="213"/>
      <c r="H62" s="214"/>
      <c r="I62" s="214"/>
      <c r="J62" s="214"/>
      <c r="K62" s="214"/>
      <c r="L62" s="214"/>
      <c r="M62" s="214"/>
      <c r="N62" s="214"/>
      <c r="O62" s="215"/>
      <c r="P62" s="213"/>
      <c r="Q62" s="214"/>
      <c r="R62" s="214"/>
      <c r="S62" s="214"/>
      <c r="T62" s="214"/>
      <c r="U62" s="214"/>
      <c r="V62" s="214"/>
      <c r="W62" s="214"/>
      <c r="X62" s="215"/>
      <c r="Y62" s="136"/>
      <c r="Z62" s="136"/>
      <c r="AA62" s="136"/>
      <c r="AB62" s="136"/>
      <c r="AC62" s="136"/>
      <c r="AD62" s="136"/>
      <c r="AE62" s="136"/>
      <c r="AF62" s="136"/>
      <c r="AG62" s="137"/>
    </row>
    <row r="63" spans="1:33" s="1" customFormat="1" ht="15.95" customHeight="1" x14ac:dyDescent="0.15">
      <c r="A63" s="777" t="s">
        <v>51</v>
      </c>
      <c r="B63" s="778"/>
      <c r="C63" s="778"/>
      <c r="D63" s="778"/>
      <c r="E63" s="778"/>
      <c r="F63" s="779"/>
      <c r="G63" s="732">
        <v>9</v>
      </c>
      <c r="H63" s="733"/>
      <c r="I63" s="733"/>
      <c r="J63" s="733"/>
      <c r="K63" s="733"/>
      <c r="L63" s="733"/>
      <c r="M63" s="733"/>
      <c r="N63" s="733"/>
      <c r="O63" s="734"/>
      <c r="P63" s="732">
        <v>9</v>
      </c>
      <c r="Q63" s="733"/>
      <c r="R63" s="733"/>
      <c r="S63" s="733"/>
      <c r="T63" s="733"/>
      <c r="U63" s="733"/>
      <c r="V63" s="733"/>
      <c r="W63" s="733"/>
      <c r="X63" s="734"/>
      <c r="Y63" s="457">
        <v>9</v>
      </c>
      <c r="Z63" s="457"/>
      <c r="AA63" s="457"/>
      <c r="AB63" s="457"/>
      <c r="AC63" s="457"/>
      <c r="AD63" s="457"/>
      <c r="AE63" s="457"/>
      <c r="AF63" s="457"/>
      <c r="AG63" s="458"/>
    </row>
    <row r="64" spans="1:33" s="1" customFormat="1" ht="15.95" customHeight="1" x14ac:dyDescent="0.15">
      <c r="A64" s="774" t="s">
        <v>52</v>
      </c>
      <c r="B64" s="775"/>
      <c r="C64" s="775"/>
      <c r="D64" s="775"/>
      <c r="E64" s="775"/>
      <c r="F64" s="776"/>
      <c r="G64" s="451">
        <v>172</v>
      </c>
      <c r="H64" s="452"/>
      <c r="I64" s="452"/>
      <c r="J64" s="452"/>
      <c r="K64" s="452"/>
      <c r="L64" s="452"/>
      <c r="M64" s="452"/>
      <c r="N64" s="452"/>
      <c r="O64" s="453"/>
      <c r="P64" s="451">
        <v>168</v>
      </c>
      <c r="Q64" s="452"/>
      <c r="R64" s="452"/>
      <c r="S64" s="452"/>
      <c r="T64" s="452"/>
      <c r="U64" s="452"/>
      <c r="V64" s="452"/>
      <c r="W64" s="452"/>
      <c r="X64" s="453"/>
      <c r="Y64" s="730">
        <v>168</v>
      </c>
      <c r="Z64" s="730"/>
      <c r="AA64" s="730"/>
      <c r="AB64" s="730"/>
      <c r="AC64" s="730"/>
      <c r="AD64" s="730"/>
      <c r="AE64" s="730"/>
      <c r="AF64" s="730"/>
      <c r="AG64" s="731"/>
    </row>
    <row r="65" spans="1:33" s="2" customFormat="1" ht="13.5" customHeight="1" x14ac:dyDescent="0.15">
      <c r="A65" s="9"/>
      <c r="B65" s="17"/>
      <c r="C65" s="17"/>
      <c r="D65" s="17"/>
      <c r="E65" s="17"/>
      <c r="F65" s="18"/>
      <c r="G65" s="376" t="s">
        <v>1</v>
      </c>
      <c r="H65" s="555"/>
      <c r="I65" s="446"/>
      <c r="J65" s="376" t="s">
        <v>2</v>
      </c>
      <c r="K65" s="555"/>
      <c r="L65" s="446"/>
      <c r="M65" s="376" t="s">
        <v>3</v>
      </c>
      <c r="N65" s="555"/>
      <c r="O65" s="446"/>
      <c r="P65" s="376" t="s">
        <v>1</v>
      </c>
      <c r="Q65" s="555"/>
      <c r="R65" s="446"/>
      <c r="S65" s="376" t="s">
        <v>2</v>
      </c>
      <c r="T65" s="555"/>
      <c r="U65" s="446"/>
      <c r="V65" s="376" t="s">
        <v>3</v>
      </c>
      <c r="W65" s="555"/>
      <c r="X65" s="446"/>
      <c r="Y65" s="642" t="s">
        <v>32</v>
      </c>
      <c r="Z65" s="642"/>
      <c r="AA65" s="739"/>
      <c r="AB65" s="738" t="s">
        <v>33</v>
      </c>
      <c r="AC65" s="642"/>
      <c r="AD65" s="739"/>
      <c r="AE65" s="738" t="s">
        <v>34</v>
      </c>
      <c r="AF65" s="642"/>
      <c r="AG65" s="562"/>
    </row>
    <row r="66" spans="1:33" s="1" customFormat="1" ht="15.75" customHeight="1" x14ac:dyDescent="0.15">
      <c r="A66" s="384" t="s">
        <v>35</v>
      </c>
      <c r="B66" s="242"/>
      <c r="C66" s="242"/>
      <c r="D66" s="242"/>
      <c r="E66" s="242"/>
      <c r="F66" s="429"/>
      <c r="G66" s="227">
        <v>275</v>
      </c>
      <c r="H66" s="227"/>
      <c r="I66" s="227"/>
      <c r="J66" s="227">
        <v>95</v>
      </c>
      <c r="K66" s="227"/>
      <c r="L66" s="227"/>
      <c r="M66" s="227">
        <v>180</v>
      </c>
      <c r="N66" s="227"/>
      <c r="O66" s="227"/>
      <c r="P66" s="227">
        <v>274</v>
      </c>
      <c r="Q66" s="227"/>
      <c r="R66" s="227"/>
      <c r="S66" s="227">
        <v>95</v>
      </c>
      <c r="T66" s="227"/>
      <c r="U66" s="227"/>
      <c r="V66" s="227">
        <v>179</v>
      </c>
      <c r="W66" s="227"/>
      <c r="X66" s="227"/>
      <c r="Y66" s="235">
        <v>277</v>
      </c>
      <c r="Z66" s="235"/>
      <c r="AA66" s="235"/>
      <c r="AB66" s="235">
        <v>95</v>
      </c>
      <c r="AC66" s="235"/>
      <c r="AD66" s="235"/>
      <c r="AE66" s="235">
        <v>182</v>
      </c>
      <c r="AF66" s="235"/>
      <c r="AG66" s="236"/>
    </row>
    <row r="67" spans="1:33" s="1" customFormat="1" ht="15.75" customHeight="1" x14ac:dyDescent="0.15">
      <c r="A67" s="384" t="s">
        <v>53</v>
      </c>
      <c r="B67" s="242"/>
      <c r="C67" s="242"/>
      <c r="D67" s="242"/>
      <c r="E67" s="242"/>
      <c r="F67" s="429"/>
      <c r="G67" s="191">
        <v>4448</v>
      </c>
      <c r="H67" s="191"/>
      <c r="I67" s="191"/>
      <c r="J67" s="191">
        <v>2273</v>
      </c>
      <c r="K67" s="191"/>
      <c r="L67" s="191"/>
      <c r="M67" s="191">
        <v>2175</v>
      </c>
      <c r="N67" s="191"/>
      <c r="O67" s="191"/>
      <c r="P67" s="191">
        <v>4323</v>
      </c>
      <c r="Q67" s="191"/>
      <c r="R67" s="191"/>
      <c r="S67" s="191">
        <v>2214</v>
      </c>
      <c r="T67" s="191"/>
      <c r="U67" s="191"/>
      <c r="V67" s="191">
        <v>2109</v>
      </c>
      <c r="W67" s="191"/>
      <c r="X67" s="191"/>
      <c r="Y67" s="186">
        <v>4255</v>
      </c>
      <c r="Z67" s="186"/>
      <c r="AA67" s="186"/>
      <c r="AB67" s="186">
        <v>2165</v>
      </c>
      <c r="AC67" s="186"/>
      <c r="AD67" s="186"/>
      <c r="AE67" s="186">
        <v>2090</v>
      </c>
      <c r="AF67" s="186"/>
      <c r="AG67" s="216"/>
    </row>
    <row r="68" spans="1:33" s="1" customFormat="1" ht="15.75" customHeight="1" x14ac:dyDescent="0.15">
      <c r="A68" s="6"/>
      <c r="B68" s="242" t="s">
        <v>54</v>
      </c>
      <c r="C68" s="242"/>
      <c r="D68" s="242"/>
      <c r="E68" s="242"/>
      <c r="F68" s="429"/>
      <c r="G68" s="191">
        <v>733</v>
      </c>
      <c r="H68" s="191"/>
      <c r="I68" s="191"/>
      <c r="J68" s="191">
        <v>370</v>
      </c>
      <c r="K68" s="191"/>
      <c r="L68" s="191"/>
      <c r="M68" s="191">
        <v>363</v>
      </c>
      <c r="N68" s="191"/>
      <c r="O68" s="191"/>
      <c r="P68" s="191">
        <v>666</v>
      </c>
      <c r="Q68" s="191"/>
      <c r="R68" s="191"/>
      <c r="S68" s="191">
        <v>353</v>
      </c>
      <c r="T68" s="191"/>
      <c r="U68" s="191"/>
      <c r="V68" s="191">
        <v>313</v>
      </c>
      <c r="W68" s="191"/>
      <c r="X68" s="191"/>
      <c r="Y68" s="186">
        <v>640</v>
      </c>
      <c r="Z68" s="186"/>
      <c r="AA68" s="186"/>
      <c r="AB68" s="186">
        <v>324</v>
      </c>
      <c r="AC68" s="186"/>
      <c r="AD68" s="186"/>
      <c r="AE68" s="186">
        <v>316</v>
      </c>
      <c r="AF68" s="186"/>
      <c r="AG68" s="216"/>
    </row>
    <row r="69" spans="1:33" s="1" customFormat="1" ht="15.75" customHeight="1" x14ac:dyDescent="0.15">
      <c r="A69" s="6"/>
      <c r="B69" s="242" t="s">
        <v>55</v>
      </c>
      <c r="C69" s="242"/>
      <c r="D69" s="242"/>
      <c r="E69" s="242"/>
      <c r="F69" s="429"/>
      <c r="G69" s="191">
        <v>716</v>
      </c>
      <c r="H69" s="191"/>
      <c r="I69" s="191"/>
      <c r="J69" s="191">
        <v>368</v>
      </c>
      <c r="K69" s="191"/>
      <c r="L69" s="191"/>
      <c r="M69" s="191">
        <v>348</v>
      </c>
      <c r="N69" s="191"/>
      <c r="O69" s="191"/>
      <c r="P69" s="191">
        <v>738</v>
      </c>
      <c r="Q69" s="191"/>
      <c r="R69" s="191"/>
      <c r="S69" s="191">
        <v>370</v>
      </c>
      <c r="T69" s="191"/>
      <c r="U69" s="191"/>
      <c r="V69" s="191">
        <v>368</v>
      </c>
      <c r="W69" s="191"/>
      <c r="X69" s="191"/>
      <c r="Y69" s="186">
        <v>669</v>
      </c>
      <c r="Z69" s="186"/>
      <c r="AA69" s="186"/>
      <c r="AB69" s="186">
        <v>355</v>
      </c>
      <c r="AC69" s="186"/>
      <c r="AD69" s="186"/>
      <c r="AE69" s="186">
        <v>314</v>
      </c>
      <c r="AF69" s="186"/>
      <c r="AG69" s="216"/>
    </row>
    <row r="70" spans="1:33" s="1" customFormat="1" ht="15.75" customHeight="1" x14ac:dyDescent="0.15">
      <c r="A70" s="6"/>
      <c r="B70" s="242" t="s">
        <v>6</v>
      </c>
      <c r="C70" s="242"/>
      <c r="D70" s="242"/>
      <c r="E70" s="242"/>
      <c r="F70" s="429"/>
      <c r="G70" s="191">
        <v>732</v>
      </c>
      <c r="H70" s="191"/>
      <c r="I70" s="191"/>
      <c r="J70" s="191">
        <v>377</v>
      </c>
      <c r="K70" s="191"/>
      <c r="L70" s="191"/>
      <c r="M70" s="191">
        <v>355</v>
      </c>
      <c r="N70" s="191"/>
      <c r="O70" s="191"/>
      <c r="P70" s="191">
        <v>714</v>
      </c>
      <c r="Q70" s="191"/>
      <c r="R70" s="191"/>
      <c r="S70" s="191">
        <v>371</v>
      </c>
      <c r="T70" s="191"/>
      <c r="U70" s="191"/>
      <c r="V70" s="191">
        <v>343</v>
      </c>
      <c r="W70" s="191"/>
      <c r="X70" s="191"/>
      <c r="Y70" s="186">
        <v>743</v>
      </c>
      <c r="Z70" s="186"/>
      <c r="AA70" s="186"/>
      <c r="AB70" s="186">
        <v>370</v>
      </c>
      <c r="AC70" s="186"/>
      <c r="AD70" s="186"/>
      <c r="AE70" s="186">
        <v>373</v>
      </c>
      <c r="AF70" s="186"/>
      <c r="AG70" s="216"/>
    </row>
    <row r="71" spans="1:33" s="1" customFormat="1" ht="15.75" customHeight="1" x14ac:dyDescent="0.15">
      <c r="A71" s="6"/>
      <c r="B71" s="242" t="s">
        <v>7</v>
      </c>
      <c r="C71" s="242"/>
      <c r="D71" s="242"/>
      <c r="E71" s="242"/>
      <c r="F71" s="429"/>
      <c r="G71" s="191">
        <v>736</v>
      </c>
      <c r="H71" s="191"/>
      <c r="I71" s="191"/>
      <c r="J71" s="191">
        <v>360</v>
      </c>
      <c r="K71" s="191"/>
      <c r="L71" s="191"/>
      <c r="M71" s="191">
        <v>376</v>
      </c>
      <c r="N71" s="191"/>
      <c r="O71" s="191"/>
      <c r="P71" s="191">
        <v>741</v>
      </c>
      <c r="Q71" s="191"/>
      <c r="R71" s="191"/>
      <c r="S71" s="191">
        <v>377</v>
      </c>
      <c r="T71" s="191"/>
      <c r="U71" s="191"/>
      <c r="V71" s="191">
        <v>364</v>
      </c>
      <c r="W71" s="191"/>
      <c r="X71" s="191"/>
      <c r="Y71" s="186">
        <v>716</v>
      </c>
      <c r="Z71" s="186"/>
      <c r="AA71" s="186"/>
      <c r="AB71" s="186">
        <v>375</v>
      </c>
      <c r="AC71" s="186"/>
      <c r="AD71" s="186"/>
      <c r="AE71" s="186">
        <v>341</v>
      </c>
      <c r="AF71" s="186"/>
      <c r="AG71" s="216"/>
    </row>
    <row r="72" spans="1:33" s="1" customFormat="1" ht="15.75" customHeight="1" x14ac:dyDescent="0.15">
      <c r="A72" s="6"/>
      <c r="B72" s="242" t="s">
        <v>8</v>
      </c>
      <c r="C72" s="242"/>
      <c r="D72" s="242"/>
      <c r="E72" s="242"/>
      <c r="F72" s="429"/>
      <c r="G72" s="191">
        <v>731</v>
      </c>
      <c r="H72" s="191"/>
      <c r="I72" s="191"/>
      <c r="J72" s="191">
        <v>385</v>
      </c>
      <c r="K72" s="191"/>
      <c r="L72" s="191"/>
      <c r="M72" s="191">
        <v>346</v>
      </c>
      <c r="N72" s="191"/>
      <c r="O72" s="191"/>
      <c r="P72" s="191">
        <v>734</v>
      </c>
      <c r="Q72" s="191"/>
      <c r="R72" s="191"/>
      <c r="S72" s="191">
        <v>359</v>
      </c>
      <c r="T72" s="191"/>
      <c r="U72" s="191"/>
      <c r="V72" s="191">
        <v>375</v>
      </c>
      <c r="W72" s="191"/>
      <c r="X72" s="191"/>
      <c r="Y72" s="186">
        <v>748</v>
      </c>
      <c r="Z72" s="186"/>
      <c r="AA72" s="186"/>
      <c r="AB72" s="186">
        <v>377</v>
      </c>
      <c r="AC72" s="186"/>
      <c r="AD72" s="186"/>
      <c r="AE72" s="186">
        <v>371</v>
      </c>
      <c r="AF72" s="186"/>
      <c r="AG72" s="216"/>
    </row>
    <row r="73" spans="1:33" s="1" customFormat="1" ht="15.75" customHeight="1" x14ac:dyDescent="0.15">
      <c r="A73" s="7"/>
      <c r="B73" s="248" t="s">
        <v>9</v>
      </c>
      <c r="C73" s="248"/>
      <c r="D73" s="248"/>
      <c r="E73" s="248"/>
      <c r="F73" s="249"/>
      <c r="G73" s="239">
        <v>800</v>
      </c>
      <c r="H73" s="239"/>
      <c r="I73" s="239"/>
      <c r="J73" s="239">
        <v>413</v>
      </c>
      <c r="K73" s="239"/>
      <c r="L73" s="239"/>
      <c r="M73" s="239">
        <v>387</v>
      </c>
      <c r="N73" s="239"/>
      <c r="O73" s="239"/>
      <c r="P73" s="239">
        <v>730</v>
      </c>
      <c r="Q73" s="239"/>
      <c r="R73" s="239"/>
      <c r="S73" s="239">
        <v>384</v>
      </c>
      <c r="T73" s="239"/>
      <c r="U73" s="239"/>
      <c r="V73" s="239">
        <v>346</v>
      </c>
      <c r="W73" s="239"/>
      <c r="X73" s="239"/>
      <c r="Y73" s="237">
        <v>739</v>
      </c>
      <c r="Z73" s="237"/>
      <c r="AA73" s="237"/>
      <c r="AB73" s="237">
        <v>364</v>
      </c>
      <c r="AC73" s="237"/>
      <c r="AD73" s="237"/>
      <c r="AE73" s="237">
        <v>375</v>
      </c>
      <c r="AF73" s="237"/>
      <c r="AG73" s="238"/>
    </row>
    <row r="74" spans="1:33" s="1" customFormat="1" ht="15.95" customHeight="1" x14ac:dyDescent="0.15">
      <c r="A74" s="8" t="s">
        <v>37</v>
      </c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3"/>
      <c r="W74" s="3"/>
      <c r="X74" s="3"/>
      <c r="Y74" s="3"/>
      <c r="Z74" s="3"/>
      <c r="AA74" s="3"/>
      <c r="AB74" s="3"/>
      <c r="AC74" s="3"/>
      <c r="AD74" s="3"/>
      <c r="AE74" s="3"/>
      <c r="AF74" s="3"/>
      <c r="AG74" s="3" t="s">
        <v>230</v>
      </c>
    </row>
    <row r="75" spans="1:33" s="1" customFormat="1" ht="15.95" customHeight="1" x14ac:dyDescent="0.15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3"/>
      <c r="V75" s="3"/>
      <c r="W75" s="3"/>
      <c r="X75" s="3"/>
      <c r="Y75" s="3"/>
      <c r="Z75" s="3"/>
      <c r="AA75" s="3"/>
      <c r="AB75" s="3"/>
      <c r="AC75" s="3"/>
      <c r="AD75" s="3"/>
      <c r="AE75" s="3"/>
      <c r="AF75" s="3"/>
      <c r="AG75" s="3"/>
    </row>
    <row r="76" spans="1:33" s="1" customFormat="1" ht="15.95" customHeight="1" x14ac:dyDescent="0.15">
      <c r="A76" s="61" t="s">
        <v>245</v>
      </c>
    </row>
    <row r="77" spans="1:33" s="1" customFormat="1" ht="15.95" customHeight="1" x14ac:dyDescent="0.15">
      <c r="B77" s="1" t="s">
        <v>27</v>
      </c>
      <c r="AG77" s="24" t="s">
        <v>56</v>
      </c>
    </row>
    <row r="78" spans="1:33" s="1" customFormat="1" ht="15.95" customHeight="1" x14ac:dyDescent="0.15">
      <c r="A78" s="588" t="s">
        <v>30</v>
      </c>
      <c r="B78" s="589"/>
      <c r="C78" s="589"/>
      <c r="D78" s="590"/>
      <c r="E78" s="468" t="s">
        <v>46</v>
      </c>
      <c r="F78" s="469"/>
      <c r="G78" s="470"/>
      <c r="H78" s="465" t="s">
        <v>57</v>
      </c>
      <c r="I78" s="466"/>
      <c r="J78" s="466"/>
      <c r="K78" s="466"/>
      <c r="L78" s="466"/>
      <c r="M78" s="466"/>
      <c r="N78" s="466"/>
      <c r="O78" s="466"/>
      <c r="P78" s="466"/>
      <c r="Q78" s="466"/>
      <c r="R78" s="466"/>
      <c r="S78" s="466"/>
      <c r="T78" s="466"/>
      <c r="U78" s="466"/>
      <c r="V78" s="466"/>
      <c r="W78" s="466"/>
      <c r="X78" s="466"/>
      <c r="Y78" s="466"/>
      <c r="Z78" s="466"/>
      <c r="AA78" s="466"/>
      <c r="AB78" s="467"/>
      <c r="AC78" s="221" t="s">
        <v>594</v>
      </c>
      <c r="AD78" s="222"/>
      <c r="AE78" s="430" t="s">
        <v>595</v>
      </c>
      <c r="AF78" s="431"/>
      <c r="AG78" s="431"/>
    </row>
    <row r="79" spans="1:33" s="1" customFormat="1" ht="15.95" customHeight="1" x14ac:dyDescent="0.15">
      <c r="A79" s="544" t="s">
        <v>146</v>
      </c>
      <c r="B79" s="545"/>
      <c r="C79" s="545"/>
      <c r="D79" s="546"/>
      <c r="E79" s="465"/>
      <c r="F79" s="466"/>
      <c r="G79" s="467"/>
      <c r="H79" s="463" t="s">
        <v>32</v>
      </c>
      <c r="I79" s="427"/>
      <c r="J79" s="428"/>
      <c r="K79" s="426" t="s">
        <v>10</v>
      </c>
      <c r="L79" s="427"/>
      <c r="M79" s="428"/>
      <c r="N79" s="426" t="s">
        <v>11</v>
      </c>
      <c r="O79" s="427"/>
      <c r="P79" s="428"/>
      <c r="Q79" s="426" t="s">
        <v>12</v>
      </c>
      <c r="R79" s="427"/>
      <c r="S79" s="428"/>
      <c r="T79" s="426" t="s">
        <v>13</v>
      </c>
      <c r="U79" s="427"/>
      <c r="V79" s="428"/>
      <c r="W79" s="426" t="s">
        <v>59</v>
      </c>
      <c r="X79" s="427"/>
      <c r="Y79" s="428"/>
      <c r="Z79" s="586" t="s">
        <v>60</v>
      </c>
      <c r="AA79" s="725"/>
      <c r="AB79" s="726"/>
      <c r="AC79" s="223"/>
      <c r="AD79" s="224"/>
      <c r="AE79" s="432"/>
      <c r="AF79" s="433"/>
      <c r="AG79" s="433"/>
    </row>
    <row r="80" spans="1:33" s="1" customFormat="1" ht="15.95" customHeight="1" x14ac:dyDescent="0.15">
      <c r="A80" s="459">
        <v>5</v>
      </c>
      <c r="B80" s="460"/>
      <c r="C80" s="460"/>
      <c r="D80" s="461"/>
      <c r="E80" s="770">
        <v>4448</v>
      </c>
      <c r="F80" s="194"/>
      <c r="G80" s="194"/>
      <c r="H80" s="194">
        <v>4344</v>
      </c>
      <c r="I80" s="194"/>
      <c r="J80" s="194"/>
      <c r="K80" s="194">
        <v>722</v>
      </c>
      <c r="L80" s="194"/>
      <c r="M80" s="194"/>
      <c r="N80" s="194">
        <v>695</v>
      </c>
      <c r="O80" s="194"/>
      <c r="P80" s="194"/>
      <c r="Q80" s="194">
        <v>716</v>
      </c>
      <c r="R80" s="194"/>
      <c r="S80" s="194"/>
      <c r="T80" s="194">
        <v>716</v>
      </c>
      <c r="U80" s="194"/>
      <c r="V80" s="194"/>
      <c r="W80" s="194">
        <v>717</v>
      </c>
      <c r="X80" s="194"/>
      <c r="Y80" s="194"/>
      <c r="Z80" s="194">
        <v>778</v>
      </c>
      <c r="AA80" s="194"/>
      <c r="AB80" s="194"/>
      <c r="AC80" s="477" t="s">
        <v>105</v>
      </c>
      <c r="AD80" s="477"/>
      <c r="AE80" s="194">
        <v>104</v>
      </c>
      <c r="AF80" s="194"/>
      <c r="AG80" s="218"/>
    </row>
    <row r="81" spans="1:33" s="1" customFormat="1" ht="15.95" customHeight="1" x14ac:dyDescent="0.15">
      <c r="A81" s="497">
        <v>6</v>
      </c>
      <c r="B81" s="498"/>
      <c r="C81" s="498"/>
      <c r="D81" s="499"/>
      <c r="E81" s="454">
        <v>4323</v>
      </c>
      <c r="F81" s="193"/>
      <c r="G81" s="193"/>
      <c r="H81" s="193">
        <v>4210</v>
      </c>
      <c r="I81" s="193"/>
      <c r="J81" s="193"/>
      <c r="K81" s="193">
        <v>644</v>
      </c>
      <c r="L81" s="193"/>
      <c r="M81" s="193"/>
      <c r="N81" s="193">
        <v>725</v>
      </c>
      <c r="O81" s="193"/>
      <c r="P81" s="193"/>
      <c r="Q81" s="193">
        <v>692</v>
      </c>
      <c r="R81" s="193"/>
      <c r="S81" s="193"/>
      <c r="T81" s="193">
        <v>723</v>
      </c>
      <c r="U81" s="193"/>
      <c r="V81" s="193"/>
      <c r="W81" s="193">
        <v>715</v>
      </c>
      <c r="X81" s="193"/>
      <c r="Y81" s="193"/>
      <c r="Z81" s="193">
        <v>711</v>
      </c>
      <c r="AA81" s="193"/>
      <c r="AB81" s="193"/>
      <c r="AC81" s="373" t="s">
        <v>105</v>
      </c>
      <c r="AD81" s="373"/>
      <c r="AE81" s="193">
        <v>113</v>
      </c>
      <c r="AF81" s="193"/>
      <c r="AG81" s="484"/>
    </row>
    <row r="82" spans="1:33" s="2" customFormat="1" ht="15" customHeight="1" x14ac:dyDescent="0.15">
      <c r="A82" s="771">
        <v>7</v>
      </c>
      <c r="B82" s="772"/>
      <c r="C82" s="772"/>
      <c r="D82" s="773"/>
      <c r="E82" s="462">
        <v>4255</v>
      </c>
      <c r="F82" s="192"/>
      <c r="G82" s="192"/>
      <c r="H82" s="192">
        <v>4130</v>
      </c>
      <c r="I82" s="192"/>
      <c r="J82" s="192"/>
      <c r="K82" s="192">
        <v>616</v>
      </c>
      <c r="L82" s="192"/>
      <c r="M82" s="192"/>
      <c r="N82" s="192">
        <v>644</v>
      </c>
      <c r="O82" s="192"/>
      <c r="P82" s="192"/>
      <c r="Q82" s="192">
        <v>727</v>
      </c>
      <c r="R82" s="192"/>
      <c r="S82" s="192"/>
      <c r="T82" s="192">
        <v>695</v>
      </c>
      <c r="U82" s="192"/>
      <c r="V82" s="192"/>
      <c r="W82" s="192">
        <v>728</v>
      </c>
      <c r="X82" s="192"/>
      <c r="Y82" s="192"/>
      <c r="Z82" s="192">
        <v>720</v>
      </c>
      <c r="AA82" s="192"/>
      <c r="AB82" s="192"/>
      <c r="AC82" s="377" t="s">
        <v>178</v>
      </c>
      <c r="AD82" s="377"/>
      <c r="AE82" s="192">
        <v>125</v>
      </c>
      <c r="AF82" s="192"/>
      <c r="AG82" s="485"/>
    </row>
    <row r="83" spans="1:33" s="2" customFormat="1" ht="14.25" customHeight="1" x14ac:dyDescent="0.15">
      <c r="A83" s="8" t="s">
        <v>484</v>
      </c>
    </row>
    <row r="84" spans="1:33" s="1" customFormat="1" ht="20.100000000000001" customHeight="1" x14ac:dyDescent="0.15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3"/>
      <c r="V84" s="3"/>
      <c r="W84" s="3"/>
      <c r="X84" s="3"/>
      <c r="Y84" s="3"/>
      <c r="Z84" s="3"/>
      <c r="AA84" s="3"/>
      <c r="AB84" s="3"/>
      <c r="AC84" s="3"/>
      <c r="AD84" s="3"/>
      <c r="AE84" s="3"/>
      <c r="AF84" s="3"/>
      <c r="AG84" s="3" t="s">
        <v>230</v>
      </c>
    </row>
    <row r="85" spans="1:33" s="1" customFormat="1" ht="15.95" customHeight="1" x14ac:dyDescent="0.15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3"/>
      <c r="V85" s="3"/>
      <c r="W85" s="3"/>
      <c r="X85" s="3"/>
      <c r="Y85" s="3"/>
      <c r="Z85" s="3"/>
      <c r="AA85" s="3"/>
      <c r="AB85" s="3"/>
      <c r="AC85" s="3"/>
      <c r="AD85" s="3"/>
      <c r="AE85" s="3"/>
      <c r="AF85" s="3"/>
      <c r="AG85" s="3"/>
    </row>
    <row r="86" spans="1:33" s="1" customFormat="1" ht="15.95" customHeight="1" x14ac:dyDescent="0.15">
      <c r="A86" s="4" t="s">
        <v>246</v>
      </c>
    </row>
    <row r="87" spans="1:33" s="1" customFormat="1" ht="15.95" customHeight="1" x14ac:dyDescent="0.15">
      <c r="B87" s="1" t="s">
        <v>600</v>
      </c>
      <c r="AC87" s="5"/>
      <c r="AD87" s="5"/>
      <c r="AE87" s="5"/>
      <c r="AF87" s="5"/>
      <c r="AG87" s="19" t="s">
        <v>163</v>
      </c>
    </row>
    <row r="88" spans="1:33" s="1" customFormat="1" ht="20.100000000000001" customHeight="1" x14ac:dyDescent="0.15">
      <c r="A88" s="588" t="s">
        <v>106</v>
      </c>
      <c r="B88" s="589"/>
      <c r="C88" s="589"/>
      <c r="D88" s="589"/>
      <c r="E88" s="589"/>
      <c r="F88" s="589"/>
      <c r="G88" s="589"/>
      <c r="H88" s="590"/>
      <c r="I88" s="287" t="s">
        <v>164</v>
      </c>
      <c r="J88" s="480"/>
      <c r="K88" s="480"/>
      <c r="L88" s="480"/>
      <c r="M88" s="480"/>
      <c r="N88" s="481"/>
      <c r="O88" s="435" t="s">
        <v>165</v>
      </c>
      <c r="P88" s="435"/>
      <c r="Q88" s="435"/>
      <c r="R88" s="435"/>
      <c r="S88" s="228" t="s">
        <v>166</v>
      </c>
      <c r="T88" s="233"/>
      <c r="U88" s="233"/>
      <c r="V88" s="233"/>
      <c r="W88" s="228" t="s">
        <v>167</v>
      </c>
      <c r="X88" s="228"/>
      <c r="Y88" s="228"/>
      <c r="Z88" s="435" t="s">
        <v>168</v>
      </c>
      <c r="AA88" s="435"/>
      <c r="AB88" s="435"/>
      <c r="AC88" s="565"/>
      <c r="AD88" s="230"/>
      <c r="AE88" s="486"/>
      <c r="AF88" s="486"/>
      <c r="AG88" s="487"/>
    </row>
    <row r="89" spans="1:33" s="1" customFormat="1" ht="19.5" customHeight="1" x14ac:dyDescent="0.15">
      <c r="A89" s="544" t="s">
        <v>169</v>
      </c>
      <c r="B89" s="545"/>
      <c r="C89" s="545"/>
      <c r="D89" s="545"/>
      <c r="E89" s="545"/>
      <c r="F89" s="545"/>
      <c r="G89" s="545"/>
      <c r="H89" s="546"/>
      <c r="I89" s="250" t="s">
        <v>170</v>
      </c>
      <c r="J89" s="250"/>
      <c r="K89" s="250"/>
      <c r="L89" s="250" t="s">
        <v>171</v>
      </c>
      <c r="M89" s="250"/>
      <c r="N89" s="250"/>
      <c r="O89" s="250"/>
      <c r="P89" s="250"/>
      <c r="Q89" s="250"/>
      <c r="R89" s="250"/>
      <c r="S89" s="234"/>
      <c r="T89" s="234"/>
      <c r="U89" s="234"/>
      <c r="V89" s="234"/>
      <c r="W89" s="229"/>
      <c r="X89" s="229"/>
      <c r="Y89" s="229"/>
      <c r="Z89" s="250"/>
      <c r="AA89" s="250"/>
      <c r="AB89" s="250"/>
      <c r="AC89" s="250"/>
      <c r="AD89" s="250" t="s">
        <v>172</v>
      </c>
      <c r="AE89" s="482"/>
      <c r="AF89" s="482"/>
      <c r="AG89" s="483"/>
    </row>
    <row r="90" spans="1:33" s="1" customFormat="1" ht="20.100000000000001" customHeight="1" x14ac:dyDescent="0.15">
      <c r="A90" s="727" t="s">
        <v>116</v>
      </c>
      <c r="B90" s="728"/>
      <c r="C90" s="728"/>
      <c r="D90" s="728"/>
      <c r="E90" s="728"/>
      <c r="F90" s="728"/>
      <c r="G90" s="728"/>
      <c r="H90" s="729"/>
      <c r="I90" s="479">
        <v>183</v>
      </c>
      <c r="J90" s="464"/>
      <c r="K90" s="464"/>
      <c r="L90" s="464">
        <v>88</v>
      </c>
      <c r="M90" s="464"/>
      <c r="N90" s="464"/>
      <c r="O90" s="240">
        <v>42354</v>
      </c>
      <c r="P90" s="240"/>
      <c r="Q90" s="240"/>
      <c r="R90" s="240"/>
      <c r="S90" s="240">
        <v>6492</v>
      </c>
      <c r="T90" s="240"/>
      <c r="U90" s="240"/>
      <c r="V90" s="240"/>
      <c r="W90" s="240">
        <v>5960</v>
      </c>
      <c r="X90" s="240"/>
      <c r="Y90" s="240"/>
      <c r="Z90" s="240">
        <v>149194</v>
      </c>
      <c r="AA90" s="240"/>
      <c r="AB90" s="240"/>
      <c r="AC90" s="240"/>
      <c r="AD90" s="240">
        <v>61426</v>
      </c>
      <c r="AE90" s="240"/>
      <c r="AF90" s="240"/>
      <c r="AG90" s="241"/>
    </row>
    <row r="91" spans="1:33" s="2" customFormat="1" ht="15" customHeight="1" x14ac:dyDescent="0.15">
      <c r="A91" s="346" t="s">
        <v>173</v>
      </c>
      <c r="B91" s="347"/>
      <c r="C91" s="348"/>
      <c r="D91" s="245" t="s">
        <v>100</v>
      </c>
      <c r="E91" s="245"/>
      <c r="F91" s="245"/>
      <c r="G91" s="245"/>
      <c r="H91" s="245"/>
      <c r="I91" s="401">
        <v>20</v>
      </c>
      <c r="J91" s="219"/>
      <c r="K91" s="219"/>
      <c r="L91" s="219">
        <v>13</v>
      </c>
      <c r="M91" s="219"/>
      <c r="N91" s="219"/>
      <c r="O91" s="219">
        <v>5522</v>
      </c>
      <c r="P91" s="219"/>
      <c r="Q91" s="219"/>
      <c r="R91" s="219"/>
      <c r="S91" s="219">
        <v>668</v>
      </c>
      <c r="T91" s="219"/>
      <c r="U91" s="219"/>
      <c r="V91" s="219"/>
      <c r="W91" s="219">
        <v>628</v>
      </c>
      <c r="X91" s="219"/>
      <c r="Y91" s="219"/>
      <c r="Z91" s="219">
        <v>15836</v>
      </c>
      <c r="AA91" s="219"/>
      <c r="AB91" s="219"/>
      <c r="AC91" s="219"/>
      <c r="AD91" s="219">
        <v>6091</v>
      </c>
      <c r="AE91" s="219"/>
      <c r="AF91" s="219"/>
      <c r="AG91" s="220"/>
    </row>
    <row r="92" spans="1:33" s="2" customFormat="1" ht="15" customHeight="1" x14ac:dyDescent="0.15">
      <c r="A92" s="346"/>
      <c r="B92" s="347"/>
      <c r="C92" s="348"/>
      <c r="D92" s="245" t="s">
        <v>97</v>
      </c>
      <c r="E92" s="245"/>
      <c r="F92" s="245"/>
      <c r="G92" s="245"/>
      <c r="H92" s="245"/>
      <c r="I92" s="401">
        <v>21</v>
      </c>
      <c r="J92" s="219"/>
      <c r="K92" s="219"/>
      <c r="L92" s="219">
        <v>12</v>
      </c>
      <c r="M92" s="219"/>
      <c r="N92" s="219"/>
      <c r="O92" s="219">
        <v>4786</v>
      </c>
      <c r="P92" s="219"/>
      <c r="Q92" s="219"/>
      <c r="R92" s="219"/>
      <c r="S92" s="219">
        <v>860</v>
      </c>
      <c r="T92" s="219"/>
      <c r="U92" s="219"/>
      <c r="V92" s="219"/>
      <c r="W92" s="219">
        <v>575</v>
      </c>
      <c r="X92" s="219"/>
      <c r="Y92" s="219"/>
      <c r="Z92" s="219">
        <v>14414</v>
      </c>
      <c r="AA92" s="219"/>
      <c r="AB92" s="219"/>
      <c r="AC92" s="219"/>
      <c r="AD92" s="219">
        <v>6567</v>
      </c>
      <c r="AE92" s="219"/>
      <c r="AF92" s="219"/>
      <c r="AG92" s="220"/>
    </row>
    <row r="93" spans="1:33" s="2" customFormat="1" ht="15" customHeight="1" x14ac:dyDescent="0.15">
      <c r="A93" s="346"/>
      <c r="B93" s="347"/>
      <c r="C93" s="348"/>
      <c r="D93" s="245" t="s">
        <v>99</v>
      </c>
      <c r="E93" s="245"/>
      <c r="F93" s="245"/>
      <c r="G93" s="245"/>
      <c r="H93" s="245"/>
      <c r="I93" s="401">
        <v>14</v>
      </c>
      <c r="J93" s="219"/>
      <c r="K93" s="219"/>
      <c r="L93" s="219">
        <v>8</v>
      </c>
      <c r="M93" s="219"/>
      <c r="N93" s="219"/>
      <c r="O93" s="219">
        <v>3649</v>
      </c>
      <c r="P93" s="219"/>
      <c r="Q93" s="219"/>
      <c r="R93" s="219"/>
      <c r="S93" s="219">
        <v>740</v>
      </c>
      <c r="T93" s="219"/>
      <c r="U93" s="219"/>
      <c r="V93" s="219"/>
      <c r="W93" s="219">
        <v>633</v>
      </c>
      <c r="X93" s="219"/>
      <c r="Y93" s="219"/>
      <c r="Z93" s="219">
        <v>14550</v>
      </c>
      <c r="AA93" s="219"/>
      <c r="AB93" s="219"/>
      <c r="AC93" s="219"/>
      <c r="AD93" s="219">
        <v>7286</v>
      </c>
      <c r="AE93" s="219"/>
      <c r="AF93" s="219"/>
      <c r="AG93" s="220"/>
    </row>
    <row r="94" spans="1:33" s="1" customFormat="1" ht="15" customHeight="1" x14ac:dyDescent="0.15">
      <c r="A94" s="346"/>
      <c r="B94" s="347"/>
      <c r="C94" s="348"/>
      <c r="D94" s="245" t="s">
        <v>101</v>
      </c>
      <c r="E94" s="245"/>
      <c r="F94" s="245"/>
      <c r="G94" s="245"/>
      <c r="H94" s="245"/>
      <c r="I94" s="401">
        <v>43</v>
      </c>
      <c r="J94" s="219"/>
      <c r="K94" s="219"/>
      <c r="L94" s="219">
        <v>12</v>
      </c>
      <c r="M94" s="219"/>
      <c r="N94" s="219"/>
      <c r="O94" s="219">
        <v>7931</v>
      </c>
      <c r="P94" s="219"/>
      <c r="Q94" s="219"/>
      <c r="R94" s="219"/>
      <c r="S94" s="219">
        <v>649</v>
      </c>
      <c r="T94" s="219"/>
      <c r="U94" s="219"/>
      <c r="V94" s="219"/>
      <c r="W94" s="219">
        <v>663</v>
      </c>
      <c r="X94" s="219"/>
      <c r="Y94" s="219"/>
      <c r="Z94" s="219">
        <v>16757</v>
      </c>
      <c r="AA94" s="219"/>
      <c r="AB94" s="219"/>
      <c r="AC94" s="219"/>
      <c r="AD94" s="219">
        <v>6091</v>
      </c>
      <c r="AE94" s="219"/>
      <c r="AF94" s="219"/>
      <c r="AG94" s="220"/>
    </row>
    <row r="95" spans="1:33" s="1" customFormat="1" ht="15" customHeight="1" x14ac:dyDescent="0.15">
      <c r="A95" s="346"/>
      <c r="B95" s="347"/>
      <c r="C95" s="348"/>
      <c r="D95" s="245" t="s">
        <v>104</v>
      </c>
      <c r="E95" s="245"/>
      <c r="F95" s="245"/>
      <c r="G95" s="245"/>
      <c r="H95" s="245"/>
      <c r="I95" s="401">
        <v>7</v>
      </c>
      <c r="J95" s="219"/>
      <c r="K95" s="219"/>
      <c r="L95" s="219">
        <v>5</v>
      </c>
      <c r="M95" s="219"/>
      <c r="N95" s="219"/>
      <c r="O95" s="219">
        <v>2024</v>
      </c>
      <c r="P95" s="219"/>
      <c r="Q95" s="219"/>
      <c r="R95" s="219"/>
      <c r="S95" s="219">
        <v>631</v>
      </c>
      <c r="T95" s="219"/>
      <c r="U95" s="219"/>
      <c r="V95" s="219"/>
      <c r="W95" s="219">
        <v>609</v>
      </c>
      <c r="X95" s="219"/>
      <c r="Y95" s="219"/>
      <c r="Z95" s="219">
        <v>10255</v>
      </c>
      <c r="AA95" s="219"/>
      <c r="AB95" s="219"/>
      <c r="AC95" s="219"/>
      <c r="AD95" s="219">
        <v>4415</v>
      </c>
      <c r="AE95" s="219"/>
      <c r="AF95" s="219"/>
      <c r="AG95" s="220"/>
    </row>
    <row r="96" spans="1:33" s="1" customFormat="1" ht="15" customHeight="1" x14ac:dyDescent="0.15">
      <c r="A96" s="346"/>
      <c r="B96" s="347"/>
      <c r="C96" s="348"/>
      <c r="D96" s="245" t="s">
        <v>98</v>
      </c>
      <c r="E96" s="245"/>
      <c r="F96" s="245"/>
      <c r="G96" s="245"/>
      <c r="H96" s="245"/>
      <c r="I96" s="401">
        <v>11</v>
      </c>
      <c r="J96" s="219"/>
      <c r="K96" s="219"/>
      <c r="L96" s="219">
        <v>10</v>
      </c>
      <c r="M96" s="219"/>
      <c r="N96" s="219"/>
      <c r="O96" s="219">
        <v>4565</v>
      </c>
      <c r="P96" s="219"/>
      <c r="Q96" s="219"/>
      <c r="R96" s="219"/>
      <c r="S96" s="219">
        <v>808</v>
      </c>
      <c r="T96" s="219"/>
      <c r="U96" s="219"/>
      <c r="V96" s="219"/>
      <c r="W96" s="219">
        <v>651</v>
      </c>
      <c r="X96" s="219"/>
      <c r="Y96" s="219"/>
      <c r="Z96" s="219">
        <v>18378</v>
      </c>
      <c r="AA96" s="219"/>
      <c r="AB96" s="219"/>
      <c r="AC96" s="219"/>
      <c r="AD96" s="219">
        <v>8919</v>
      </c>
      <c r="AE96" s="219"/>
      <c r="AF96" s="219"/>
      <c r="AG96" s="220"/>
    </row>
    <row r="97" spans="1:33" s="1" customFormat="1" ht="15" customHeight="1" x14ac:dyDescent="0.15">
      <c r="A97" s="346"/>
      <c r="B97" s="347"/>
      <c r="C97" s="348"/>
      <c r="D97" s="245" t="s">
        <v>102</v>
      </c>
      <c r="E97" s="245"/>
      <c r="F97" s="245"/>
      <c r="G97" s="245"/>
      <c r="H97" s="245"/>
      <c r="I97" s="401">
        <v>23</v>
      </c>
      <c r="J97" s="219"/>
      <c r="K97" s="219"/>
      <c r="L97" s="219">
        <v>13</v>
      </c>
      <c r="M97" s="219"/>
      <c r="N97" s="219"/>
      <c r="O97" s="219">
        <v>5327</v>
      </c>
      <c r="P97" s="219"/>
      <c r="Q97" s="219"/>
      <c r="R97" s="219"/>
      <c r="S97" s="219">
        <v>703</v>
      </c>
      <c r="T97" s="219"/>
      <c r="U97" s="219"/>
      <c r="V97" s="219"/>
      <c r="W97" s="219">
        <v>737</v>
      </c>
      <c r="X97" s="219"/>
      <c r="Y97" s="219"/>
      <c r="Z97" s="219">
        <v>22464</v>
      </c>
      <c r="AA97" s="219"/>
      <c r="AB97" s="219"/>
      <c r="AC97" s="219"/>
      <c r="AD97" s="219">
        <v>6590</v>
      </c>
      <c r="AE97" s="219"/>
      <c r="AF97" s="219"/>
      <c r="AG97" s="220"/>
    </row>
    <row r="98" spans="1:33" s="36" customFormat="1" ht="15" customHeight="1" x14ac:dyDescent="0.15">
      <c r="A98" s="346"/>
      <c r="B98" s="347"/>
      <c r="C98" s="348"/>
      <c r="D98" s="245" t="s">
        <v>103</v>
      </c>
      <c r="E98" s="245"/>
      <c r="F98" s="245"/>
      <c r="G98" s="245"/>
      <c r="H98" s="245"/>
      <c r="I98" s="401">
        <v>23</v>
      </c>
      <c r="J98" s="219"/>
      <c r="K98" s="219"/>
      <c r="L98" s="219">
        <v>7</v>
      </c>
      <c r="M98" s="219"/>
      <c r="N98" s="219"/>
      <c r="O98" s="219">
        <v>4015</v>
      </c>
      <c r="P98" s="219"/>
      <c r="Q98" s="219"/>
      <c r="R98" s="219"/>
      <c r="S98" s="219">
        <v>716</v>
      </c>
      <c r="T98" s="219"/>
      <c r="U98" s="219"/>
      <c r="V98" s="219"/>
      <c r="W98" s="219">
        <v>760</v>
      </c>
      <c r="X98" s="219"/>
      <c r="Y98" s="219"/>
      <c r="Z98" s="219">
        <v>18289</v>
      </c>
      <c r="AA98" s="219"/>
      <c r="AB98" s="219"/>
      <c r="AC98" s="219"/>
      <c r="AD98" s="219">
        <v>8589</v>
      </c>
      <c r="AE98" s="219"/>
      <c r="AF98" s="219"/>
      <c r="AG98" s="220"/>
    </row>
    <row r="99" spans="1:33" s="1" customFormat="1" ht="15" customHeight="1" x14ac:dyDescent="0.15">
      <c r="A99" s="349"/>
      <c r="B99" s="350"/>
      <c r="C99" s="351"/>
      <c r="D99" s="419" t="s">
        <v>174</v>
      </c>
      <c r="E99" s="419"/>
      <c r="F99" s="419"/>
      <c r="G99" s="419"/>
      <c r="H99" s="419"/>
      <c r="I99" s="401">
        <v>21</v>
      </c>
      <c r="J99" s="219"/>
      <c r="K99" s="219"/>
      <c r="L99" s="371">
        <v>8</v>
      </c>
      <c r="M99" s="371"/>
      <c r="N99" s="371"/>
      <c r="O99" s="219">
        <v>4535</v>
      </c>
      <c r="P99" s="219"/>
      <c r="Q99" s="219"/>
      <c r="R99" s="219"/>
      <c r="S99" s="371">
        <v>717</v>
      </c>
      <c r="T99" s="371"/>
      <c r="U99" s="371"/>
      <c r="V99" s="371"/>
      <c r="W99" s="219">
        <v>704</v>
      </c>
      <c r="X99" s="219"/>
      <c r="Y99" s="219"/>
      <c r="Z99" s="371">
        <v>18251</v>
      </c>
      <c r="AA99" s="371"/>
      <c r="AB99" s="371"/>
      <c r="AC99" s="371"/>
      <c r="AD99" s="371">
        <v>6878</v>
      </c>
      <c r="AE99" s="371"/>
      <c r="AF99" s="371"/>
      <c r="AG99" s="372"/>
    </row>
    <row r="100" spans="1:33" s="1" customFormat="1" ht="15.95" customHeight="1" x14ac:dyDescent="0.15">
      <c r="A100" s="43" t="s">
        <v>206</v>
      </c>
      <c r="B100" s="44"/>
      <c r="C100" s="44"/>
      <c r="D100" s="44"/>
      <c r="E100" s="44"/>
      <c r="F100" s="44"/>
      <c r="G100" s="44"/>
      <c r="H100" s="44"/>
      <c r="I100" s="44"/>
      <c r="J100" s="44"/>
      <c r="K100" s="44"/>
      <c r="L100" s="44"/>
      <c r="M100" s="44"/>
      <c r="N100" s="44"/>
      <c r="O100" s="44"/>
      <c r="P100" s="44"/>
      <c r="Q100" s="44"/>
      <c r="R100" s="44"/>
      <c r="S100" s="33"/>
      <c r="T100" s="33"/>
      <c r="U100" s="33"/>
      <c r="V100" s="33"/>
      <c r="W100" s="33"/>
      <c r="X100" s="33"/>
      <c r="Y100" s="33"/>
      <c r="Z100" s="2"/>
      <c r="AA100" s="2"/>
      <c r="AB100" s="2"/>
      <c r="AC100" s="3"/>
      <c r="AD100" s="16"/>
      <c r="AE100" s="16"/>
      <c r="AF100" s="16"/>
      <c r="AG100" s="16" t="s">
        <v>461</v>
      </c>
    </row>
    <row r="101" spans="1:33" s="1" customFormat="1" ht="15.95" customHeight="1" x14ac:dyDescent="0.15">
      <c r="A101" s="45"/>
      <c r="B101" s="46"/>
      <c r="C101" s="46"/>
      <c r="D101" s="46"/>
      <c r="E101" s="46"/>
      <c r="F101" s="46"/>
      <c r="G101" s="46"/>
      <c r="H101" s="46"/>
      <c r="I101" s="46"/>
      <c r="J101" s="46"/>
      <c r="K101" s="46"/>
      <c r="L101" s="46"/>
      <c r="M101" s="46"/>
      <c r="N101" s="46"/>
      <c r="O101" s="46"/>
      <c r="P101" s="46"/>
      <c r="Q101" s="46"/>
      <c r="R101" s="46"/>
      <c r="S101" s="2"/>
      <c r="T101" s="2"/>
      <c r="U101" s="2"/>
      <c r="V101" s="2"/>
      <c r="W101" s="2"/>
      <c r="X101" s="2"/>
      <c r="Y101" s="2"/>
      <c r="Z101" s="2"/>
      <c r="AA101" s="2"/>
      <c r="AB101" s="2"/>
      <c r="AC101" s="3"/>
      <c r="AD101" s="3"/>
      <c r="AE101" s="3"/>
      <c r="AF101" s="3"/>
      <c r="AG101" s="3"/>
    </row>
    <row r="102" spans="1:33" s="1" customFormat="1" ht="15.95" customHeight="1" x14ac:dyDescent="0.15">
      <c r="A102" s="4" t="s">
        <v>247</v>
      </c>
      <c r="AE102" s="15"/>
      <c r="AF102" s="15"/>
      <c r="AG102" s="24" t="s">
        <v>56</v>
      </c>
    </row>
    <row r="103" spans="1:33" s="1" customFormat="1" ht="15.95" customHeight="1" x14ac:dyDescent="0.15">
      <c r="A103" s="396" t="s">
        <v>30</v>
      </c>
      <c r="B103" s="397"/>
      <c r="C103" s="397"/>
      <c r="D103" s="397"/>
      <c r="E103" s="397"/>
      <c r="F103" s="411"/>
      <c r="G103" s="368" t="s">
        <v>66</v>
      </c>
      <c r="H103" s="369"/>
      <c r="I103" s="369"/>
      <c r="J103" s="369"/>
      <c r="K103" s="369"/>
      <c r="L103" s="369"/>
      <c r="M103" s="369"/>
      <c r="N103" s="369"/>
      <c r="O103" s="369"/>
      <c r="P103" s="369"/>
      <c r="Q103" s="369"/>
      <c r="R103" s="369"/>
      <c r="S103" s="369"/>
      <c r="T103" s="369"/>
      <c r="U103" s="369"/>
      <c r="V103" s="369"/>
      <c r="W103" s="369"/>
      <c r="X103" s="369"/>
      <c r="Y103" s="369"/>
      <c r="Z103" s="369"/>
      <c r="AA103" s="369"/>
      <c r="AB103" s="369"/>
      <c r="AC103" s="369"/>
      <c r="AD103" s="369"/>
      <c r="AE103" s="369"/>
      <c r="AF103" s="369"/>
      <c r="AG103" s="370"/>
    </row>
    <row r="104" spans="1:33" s="1" customFormat="1" ht="15.95" customHeight="1" x14ac:dyDescent="0.15">
      <c r="A104" s="420" t="s">
        <v>29</v>
      </c>
      <c r="B104" s="421"/>
      <c r="C104" s="421"/>
      <c r="D104" s="421"/>
      <c r="E104" s="421"/>
      <c r="F104" s="422"/>
      <c r="G104" s="416" t="s">
        <v>143</v>
      </c>
      <c r="H104" s="417"/>
      <c r="I104" s="417"/>
      <c r="J104" s="417"/>
      <c r="K104" s="417"/>
      <c r="L104" s="417"/>
      <c r="M104" s="418"/>
      <c r="N104" s="403" t="s">
        <v>67</v>
      </c>
      <c r="O104" s="404"/>
      <c r="P104" s="404"/>
      <c r="Q104" s="404"/>
      <c r="R104" s="412"/>
      <c r="S104" s="406" t="s">
        <v>68</v>
      </c>
      <c r="T104" s="407"/>
      <c r="U104" s="407"/>
      <c r="V104" s="407"/>
      <c r="W104" s="408"/>
      <c r="X104" s="403" t="s">
        <v>69</v>
      </c>
      <c r="Y104" s="404"/>
      <c r="Z104" s="404"/>
      <c r="AA104" s="404"/>
      <c r="AB104" s="412"/>
      <c r="AC104" s="403" t="s">
        <v>70</v>
      </c>
      <c r="AD104" s="404"/>
      <c r="AE104" s="404"/>
      <c r="AF104" s="404"/>
      <c r="AG104" s="405"/>
    </row>
    <row r="105" spans="1:33" s="1" customFormat="1" ht="15.95" customHeight="1" x14ac:dyDescent="0.15">
      <c r="A105" s="378">
        <v>4</v>
      </c>
      <c r="B105" s="379"/>
      <c r="C105" s="379"/>
      <c r="D105" s="379"/>
      <c r="E105" s="379"/>
      <c r="F105" s="380"/>
      <c r="G105" s="402">
        <v>184</v>
      </c>
      <c r="H105" s="402"/>
      <c r="I105" s="402"/>
      <c r="J105" s="402"/>
      <c r="K105" s="402"/>
      <c r="L105" s="402"/>
      <c r="M105" s="402"/>
      <c r="N105" s="402">
        <v>7</v>
      </c>
      <c r="O105" s="402"/>
      <c r="P105" s="402"/>
      <c r="Q105" s="402"/>
      <c r="R105" s="402"/>
      <c r="S105" s="176" t="s">
        <v>105</v>
      </c>
      <c r="T105" s="176"/>
      <c r="U105" s="176"/>
      <c r="V105" s="176"/>
      <c r="W105" s="176"/>
      <c r="X105" s="402">
        <v>50</v>
      </c>
      <c r="Y105" s="402"/>
      <c r="Z105" s="402"/>
      <c r="AA105" s="402"/>
      <c r="AB105" s="402"/>
      <c r="AC105" s="402">
        <v>127</v>
      </c>
      <c r="AD105" s="402"/>
      <c r="AE105" s="402"/>
      <c r="AF105" s="402"/>
      <c r="AG105" s="478"/>
    </row>
    <row r="106" spans="1:33" s="1" customFormat="1" ht="15.95" customHeight="1" x14ac:dyDescent="0.15">
      <c r="A106" s="381">
        <v>5</v>
      </c>
      <c r="B106" s="382"/>
      <c r="C106" s="382"/>
      <c r="D106" s="382"/>
      <c r="E106" s="382"/>
      <c r="F106" s="383"/>
      <c r="G106" s="402">
        <v>229</v>
      </c>
      <c r="H106" s="402"/>
      <c r="I106" s="402"/>
      <c r="J106" s="402"/>
      <c r="K106" s="402"/>
      <c r="L106" s="402"/>
      <c r="M106" s="402"/>
      <c r="N106" s="402">
        <v>18</v>
      </c>
      <c r="O106" s="402"/>
      <c r="P106" s="402"/>
      <c r="Q106" s="402"/>
      <c r="R106" s="402"/>
      <c r="S106" s="176" t="s">
        <v>105</v>
      </c>
      <c r="T106" s="176"/>
      <c r="U106" s="176"/>
      <c r="V106" s="176"/>
      <c r="W106" s="176"/>
      <c r="X106" s="402">
        <v>71</v>
      </c>
      <c r="Y106" s="402"/>
      <c r="Z106" s="402"/>
      <c r="AA106" s="402"/>
      <c r="AB106" s="402"/>
      <c r="AC106" s="402">
        <v>140</v>
      </c>
      <c r="AD106" s="402"/>
      <c r="AE106" s="402"/>
      <c r="AF106" s="402"/>
      <c r="AG106" s="478"/>
    </row>
    <row r="107" spans="1:33" s="1" customFormat="1" ht="15.95" customHeight="1" x14ac:dyDescent="0.15">
      <c r="A107" s="423">
        <v>6</v>
      </c>
      <c r="B107" s="424"/>
      <c r="C107" s="424"/>
      <c r="D107" s="424"/>
      <c r="E107" s="424"/>
      <c r="F107" s="425"/>
      <c r="G107" s="414">
        <v>235</v>
      </c>
      <c r="H107" s="414"/>
      <c r="I107" s="414"/>
      <c r="J107" s="414"/>
      <c r="K107" s="414"/>
      <c r="L107" s="414"/>
      <c r="M107" s="414"/>
      <c r="N107" s="414">
        <v>28</v>
      </c>
      <c r="O107" s="414"/>
      <c r="P107" s="414"/>
      <c r="Q107" s="414"/>
      <c r="R107" s="414"/>
      <c r="S107" s="757" t="s">
        <v>105</v>
      </c>
      <c r="T107" s="757"/>
      <c r="U107" s="757"/>
      <c r="V107" s="757"/>
      <c r="W107" s="757"/>
      <c r="X107" s="413">
        <v>64</v>
      </c>
      <c r="Y107" s="414"/>
      <c r="Z107" s="414"/>
      <c r="AA107" s="414"/>
      <c r="AB107" s="414"/>
      <c r="AC107" s="414">
        <v>143</v>
      </c>
      <c r="AD107" s="414"/>
      <c r="AE107" s="414"/>
      <c r="AF107" s="414"/>
      <c r="AG107" s="708"/>
    </row>
    <row r="108" spans="1:33" s="2" customFormat="1" ht="13.5" customHeight="1" x14ac:dyDescent="0.15">
      <c r="A108" s="8" t="s">
        <v>71</v>
      </c>
      <c r="B108" s="1"/>
      <c r="C108" s="1"/>
      <c r="D108" s="1"/>
      <c r="E108" s="1"/>
      <c r="F108" s="20"/>
      <c r="G108" s="20"/>
      <c r="H108" s="20"/>
      <c r="I108" s="20"/>
      <c r="J108" s="1"/>
      <c r="K108" s="1"/>
      <c r="L108" s="21"/>
      <c r="M108" s="21"/>
      <c r="N108" s="21"/>
      <c r="O108" s="1"/>
      <c r="P108" s="3"/>
      <c r="Q108" s="3"/>
      <c r="R108" s="3"/>
      <c r="S108" s="16"/>
      <c r="T108" s="16"/>
      <c r="U108" s="16"/>
      <c r="V108" s="16"/>
      <c r="W108" s="16"/>
      <c r="X108" s="16"/>
      <c r="Y108" s="3"/>
      <c r="Z108" s="3"/>
      <c r="AA108" s="3"/>
      <c r="AB108" s="3"/>
      <c r="AC108" s="3"/>
      <c r="AD108" s="3"/>
      <c r="AE108" s="3"/>
      <c r="AF108" s="3"/>
      <c r="AG108" s="3"/>
    </row>
    <row r="109" spans="1:33" s="2" customFormat="1" ht="15.95" customHeight="1" x14ac:dyDescent="0.15">
      <c r="B109" s="1"/>
      <c r="C109" s="1"/>
      <c r="D109" s="1"/>
      <c r="E109" s="1"/>
      <c r="F109" s="20"/>
      <c r="G109" s="20"/>
      <c r="H109" s="20"/>
      <c r="I109" s="20"/>
      <c r="J109" s="1"/>
      <c r="K109" s="1"/>
      <c r="L109" s="21"/>
      <c r="M109" s="21"/>
      <c r="N109" s="21"/>
      <c r="O109" s="21"/>
      <c r="P109" s="1"/>
      <c r="Q109" s="1"/>
      <c r="R109" s="1"/>
      <c r="S109" s="1"/>
      <c r="T109" s="21"/>
      <c r="U109" s="21"/>
      <c r="V109" s="3"/>
      <c r="W109" s="3"/>
      <c r="X109" s="3"/>
      <c r="Y109" s="3"/>
      <c r="Z109" s="3"/>
      <c r="AA109" s="3"/>
      <c r="AB109" s="3"/>
      <c r="AC109" s="3"/>
      <c r="AD109" s="3"/>
      <c r="AE109" s="3"/>
      <c r="AF109" s="3"/>
      <c r="AG109" s="3" t="s">
        <v>508</v>
      </c>
    </row>
    <row r="110" spans="1:33" s="1" customFormat="1" ht="20.100000000000001" customHeight="1" x14ac:dyDescent="0.15">
      <c r="F110" s="20"/>
      <c r="G110" s="20"/>
      <c r="H110" s="20"/>
      <c r="I110" s="20"/>
      <c r="L110" s="21"/>
      <c r="M110" s="21"/>
      <c r="N110" s="21"/>
      <c r="O110" s="21"/>
      <c r="T110" s="21"/>
      <c r="U110" s="21"/>
      <c r="V110" s="21"/>
      <c r="W110" s="21"/>
      <c r="AB110" s="22"/>
      <c r="AC110" s="22"/>
      <c r="AD110" s="22"/>
      <c r="AE110" s="22"/>
      <c r="AG110" s="3"/>
    </row>
    <row r="111" spans="1:33" s="1" customFormat="1" ht="15.95" customHeight="1" x14ac:dyDescent="0.15">
      <c r="A111" s="4" t="s">
        <v>248</v>
      </c>
    </row>
    <row r="112" spans="1:33" s="1" customFormat="1" ht="15.95" customHeight="1" x14ac:dyDescent="0.15">
      <c r="B112" s="1" t="s">
        <v>27</v>
      </c>
      <c r="Y112" s="37"/>
      <c r="Z112" s="37"/>
      <c r="AA112" s="37"/>
      <c r="AB112" s="38"/>
      <c r="AC112" s="38"/>
      <c r="AD112" s="38"/>
      <c r="AE112" s="38"/>
      <c r="AF112" s="38"/>
      <c r="AG112" s="39" t="s">
        <v>140</v>
      </c>
    </row>
    <row r="113" spans="1:33" s="1" customFormat="1" ht="20.100000000000001" customHeight="1" x14ac:dyDescent="0.15">
      <c r="A113" s="396" t="s">
        <v>146</v>
      </c>
      <c r="B113" s="397"/>
      <c r="C113" s="397"/>
      <c r="D113" s="397"/>
      <c r="E113" s="397"/>
      <c r="F113" s="398"/>
      <c r="G113" s="385">
        <v>5</v>
      </c>
      <c r="H113" s="386"/>
      <c r="I113" s="386"/>
      <c r="J113" s="386"/>
      <c r="K113" s="386"/>
      <c r="L113" s="386"/>
      <c r="M113" s="386"/>
      <c r="N113" s="386"/>
      <c r="O113" s="387"/>
      <c r="P113" s="702">
        <v>6</v>
      </c>
      <c r="Q113" s="386"/>
      <c r="R113" s="386"/>
      <c r="S113" s="386"/>
      <c r="T113" s="386"/>
      <c r="U113" s="386"/>
      <c r="V113" s="386"/>
      <c r="W113" s="386"/>
      <c r="X113" s="387"/>
      <c r="Y113" s="704">
        <v>7</v>
      </c>
      <c r="Z113" s="705"/>
      <c r="AA113" s="705"/>
      <c r="AB113" s="705"/>
      <c r="AC113" s="705"/>
      <c r="AD113" s="705"/>
      <c r="AE113" s="705"/>
      <c r="AF113" s="705"/>
      <c r="AG113" s="705"/>
    </row>
    <row r="114" spans="1:33" s="1" customFormat="1" ht="20.100000000000001" customHeight="1" x14ac:dyDescent="0.15">
      <c r="A114" s="420" t="s">
        <v>30</v>
      </c>
      <c r="B114" s="421"/>
      <c r="C114" s="421"/>
      <c r="D114" s="421"/>
      <c r="E114" s="421"/>
      <c r="F114" s="647"/>
      <c r="G114" s="388"/>
      <c r="H114" s="389"/>
      <c r="I114" s="389"/>
      <c r="J114" s="389"/>
      <c r="K114" s="389"/>
      <c r="L114" s="389"/>
      <c r="M114" s="389"/>
      <c r="N114" s="389"/>
      <c r="O114" s="390"/>
      <c r="P114" s="703"/>
      <c r="Q114" s="389"/>
      <c r="R114" s="389"/>
      <c r="S114" s="389"/>
      <c r="T114" s="389"/>
      <c r="U114" s="389"/>
      <c r="V114" s="389"/>
      <c r="W114" s="389"/>
      <c r="X114" s="390"/>
      <c r="Y114" s="706"/>
      <c r="Z114" s="707"/>
      <c r="AA114" s="707"/>
      <c r="AB114" s="707"/>
      <c r="AC114" s="707"/>
      <c r="AD114" s="707"/>
      <c r="AE114" s="707"/>
      <c r="AF114" s="707"/>
      <c r="AG114" s="707"/>
    </row>
    <row r="115" spans="1:33" s="1" customFormat="1" ht="15.75" customHeight="1" x14ac:dyDescent="0.15">
      <c r="A115" s="393" t="s">
        <v>51</v>
      </c>
      <c r="B115" s="394"/>
      <c r="C115" s="394"/>
      <c r="D115" s="394"/>
      <c r="E115" s="394"/>
      <c r="F115" s="395"/>
      <c r="G115" s="391">
        <v>4</v>
      </c>
      <c r="H115" s="391"/>
      <c r="I115" s="391"/>
      <c r="J115" s="391"/>
      <c r="K115" s="391"/>
      <c r="L115" s="391"/>
      <c r="M115" s="391"/>
      <c r="N115" s="391"/>
      <c r="O115" s="392"/>
      <c r="P115" s="415">
        <v>4</v>
      </c>
      <c r="Q115" s="391"/>
      <c r="R115" s="391"/>
      <c r="S115" s="391"/>
      <c r="T115" s="391"/>
      <c r="U115" s="391"/>
      <c r="V115" s="391"/>
      <c r="W115" s="391"/>
      <c r="X115" s="392"/>
      <c r="Y115" s="495">
        <v>4</v>
      </c>
      <c r="Z115" s="495"/>
      <c r="AA115" s="495"/>
      <c r="AB115" s="495"/>
      <c r="AC115" s="495"/>
      <c r="AD115" s="495"/>
      <c r="AE115" s="495"/>
      <c r="AF115" s="495"/>
      <c r="AG115" s="496"/>
    </row>
    <row r="116" spans="1:33" s="1" customFormat="1" ht="15.75" customHeight="1" x14ac:dyDescent="0.15">
      <c r="A116" s="448" t="s">
        <v>52</v>
      </c>
      <c r="B116" s="449"/>
      <c r="C116" s="449"/>
      <c r="D116" s="449"/>
      <c r="E116" s="449"/>
      <c r="F116" s="450"/>
      <c r="G116" s="452">
        <v>71</v>
      </c>
      <c r="H116" s="452"/>
      <c r="I116" s="452"/>
      <c r="J116" s="452"/>
      <c r="K116" s="452"/>
      <c r="L116" s="452"/>
      <c r="M116" s="452"/>
      <c r="N116" s="452"/>
      <c r="O116" s="453"/>
      <c r="P116" s="451">
        <v>70</v>
      </c>
      <c r="Q116" s="452"/>
      <c r="R116" s="452"/>
      <c r="S116" s="452"/>
      <c r="T116" s="452"/>
      <c r="U116" s="452"/>
      <c r="V116" s="452"/>
      <c r="W116" s="452"/>
      <c r="X116" s="453"/>
      <c r="Y116" s="475">
        <v>72</v>
      </c>
      <c r="Z116" s="475"/>
      <c r="AA116" s="475"/>
      <c r="AB116" s="475"/>
      <c r="AC116" s="475"/>
      <c r="AD116" s="475"/>
      <c r="AE116" s="475"/>
      <c r="AF116" s="475"/>
      <c r="AG116" s="476"/>
    </row>
    <row r="117" spans="1:33" s="1" customFormat="1" ht="12.95" customHeight="1" x14ac:dyDescent="0.15">
      <c r="A117" s="10"/>
      <c r="B117" s="11"/>
      <c r="C117" s="11"/>
      <c r="D117" s="11"/>
      <c r="E117" s="11"/>
      <c r="F117" s="12"/>
      <c r="G117" s="446" t="s">
        <v>1</v>
      </c>
      <c r="H117" s="375"/>
      <c r="I117" s="375"/>
      <c r="J117" s="375" t="s">
        <v>2</v>
      </c>
      <c r="K117" s="375"/>
      <c r="L117" s="375"/>
      <c r="M117" s="375" t="s">
        <v>3</v>
      </c>
      <c r="N117" s="375"/>
      <c r="O117" s="375"/>
      <c r="P117" s="446" t="s">
        <v>1</v>
      </c>
      <c r="Q117" s="375"/>
      <c r="R117" s="375"/>
      <c r="S117" s="375" t="s">
        <v>2</v>
      </c>
      <c r="T117" s="375"/>
      <c r="U117" s="375"/>
      <c r="V117" s="375" t="s">
        <v>3</v>
      </c>
      <c r="W117" s="375"/>
      <c r="X117" s="376"/>
      <c r="Y117" s="399" t="s">
        <v>32</v>
      </c>
      <c r="Z117" s="399"/>
      <c r="AA117" s="399"/>
      <c r="AB117" s="399" t="s">
        <v>33</v>
      </c>
      <c r="AC117" s="399"/>
      <c r="AD117" s="399"/>
      <c r="AE117" s="399" t="s">
        <v>34</v>
      </c>
      <c r="AF117" s="399"/>
      <c r="AG117" s="400"/>
    </row>
    <row r="118" spans="1:33" s="1" customFormat="1" ht="15.75" customHeight="1" x14ac:dyDescent="0.15">
      <c r="A118" s="384" t="s">
        <v>35</v>
      </c>
      <c r="B118" s="242"/>
      <c r="C118" s="242"/>
      <c r="D118" s="242"/>
      <c r="E118" s="242"/>
      <c r="F118" s="243"/>
      <c r="G118" s="690">
        <v>143</v>
      </c>
      <c r="H118" s="690"/>
      <c r="I118" s="690"/>
      <c r="J118" s="191">
        <v>77</v>
      </c>
      <c r="K118" s="191"/>
      <c r="L118" s="191"/>
      <c r="M118" s="227">
        <v>66</v>
      </c>
      <c r="N118" s="227"/>
      <c r="O118" s="227"/>
      <c r="P118" s="690">
        <v>140</v>
      </c>
      <c r="Q118" s="690"/>
      <c r="R118" s="690"/>
      <c r="S118" s="191">
        <v>71</v>
      </c>
      <c r="T118" s="191"/>
      <c r="U118" s="191"/>
      <c r="V118" s="227">
        <v>69</v>
      </c>
      <c r="W118" s="227"/>
      <c r="X118" s="227"/>
      <c r="Y118" s="409">
        <v>148</v>
      </c>
      <c r="Z118" s="409"/>
      <c r="AA118" s="409"/>
      <c r="AB118" s="186">
        <v>79</v>
      </c>
      <c r="AC118" s="186"/>
      <c r="AD118" s="186"/>
      <c r="AE118" s="186">
        <v>69</v>
      </c>
      <c r="AF118" s="186"/>
      <c r="AG118" s="216"/>
    </row>
    <row r="119" spans="1:33" s="1" customFormat="1" ht="15.75" customHeight="1" x14ac:dyDescent="0.15">
      <c r="A119" s="384" t="s">
        <v>72</v>
      </c>
      <c r="B119" s="242"/>
      <c r="C119" s="242"/>
      <c r="D119" s="242"/>
      <c r="E119" s="242"/>
      <c r="F119" s="243"/>
      <c r="G119" s="345">
        <v>2338</v>
      </c>
      <c r="H119" s="345"/>
      <c r="I119" s="345"/>
      <c r="J119" s="191">
        <v>1198</v>
      </c>
      <c r="K119" s="191"/>
      <c r="L119" s="191"/>
      <c r="M119" s="191">
        <v>1140</v>
      </c>
      <c r="N119" s="191"/>
      <c r="O119" s="191"/>
      <c r="P119" s="345">
        <v>2409</v>
      </c>
      <c r="Q119" s="345"/>
      <c r="R119" s="345"/>
      <c r="S119" s="191">
        <v>1254</v>
      </c>
      <c r="T119" s="191"/>
      <c r="U119" s="191"/>
      <c r="V119" s="191">
        <v>1155</v>
      </c>
      <c r="W119" s="191"/>
      <c r="X119" s="191"/>
      <c r="Y119" s="410">
        <v>2405</v>
      </c>
      <c r="Z119" s="410"/>
      <c r="AA119" s="410"/>
      <c r="AB119" s="410">
        <v>1236</v>
      </c>
      <c r="AC119" s="410"/>
      <c r="AD119" s="410"/>
      <c r="AE119" s="186">
        <v>1169</v>
      </c>
      <c r="AF119" s="186"/>
      <c r="AG119" s="216"/>
    </row>
    <row r="120" spans="1:33" s="1" customFormat="1" ht="15.75" customHeight="1" x14ac:dyDescent="0.15">
      <c r="A120" s="10"/>
      <c r="B120" s="242" t="s">
        <v>54</v>
      </c>
      <c r="C120" s="242"/>
      <c r="D120" s="242"/>
      <c r="E120" s="242"/>
      <c r="F120" s="243"/>
      <c r="G120" s="345">
        <v>779</v>
      </c>
      <c r="H120" s="345"/>
      <c r="I120" s="345"/>
      <c r="J120" s="191">
        <v>406</v>
      </c>
      <c r="K120" s="191"/>
      <c r="L120" s="191"/>
      <c r="M120" s="191">
        <v>373</v>
      </c>
      <c r="N120" s="191"/>
      <c r="O120" s="191"/>
      <c r="P120" s="345">
        <v>824</v>
      </c>
      <c r="Q120" s="345"/>
      <c r="R120" s="345"/>
      <c r="S120" s="191">
        <v>425</v>
      </c>
      <c r="T120" s="191"/>
      <c r="U120" s="191"/>
      <c r="V120" s="191">
        <v>399</v>
      </c>
      <c r="W120" s="191"/>
      <c r="X120" s="191"/>
      <c r="Y120" s="410">
        <v>757</v>
      </c>
      <c r="Z120" s="410"/>
      <c r="AA120" s="410"/>
      <c r="AB120" s="186">
        <v>382</v>
      </c>
      <c r="AC120" s="186"/>
      <c r="AD120" s="186"/>
      <c r="AE120" s="186">
        <v>375</v>
      </c>
      <c r="AF120" s="186"/>
      <c r="AG120" s="216"/>
    </row>
    <row r="121" spans="1:33" s="1" customFormat="1" ht="15.75" customHeight="1" x14ac:dyDescent="0.15">
      <c r="A121" s="10"/>
      <c r="B121" s="242" t="s">
        <v>55</v>
      </c>
      <c r="C121" s="242"/>
      <c r="D121" s="242"/>
      <c r="E121" s="242"/>
      <c r="F121" s="243"/>
      <c r="G121" s="345">
        <v>777</v>
      </c>
      <c r="H121" s="345"/>
      <c r="I121" s="345"/>
      <c r="J121" s="191">
        <v>402</v>
      </c>
      <c r="K121" s="191"/>
      <c r="L121" s="191"/>
      <c r="M121" s="191">
        <v>375</v>
      </c>
      <c r="N121" s="191"/>
      <c r="O121" s="191"/>
      <c r="P121" s="345">
        <v>793</v>
      </c>
      <c r="Q121" s="345"/>
      <c r="R121" s="345"/>
      <c r="S121" s="191">
        <v>416</v>
      </c>
      <c r="T121" s="191"/>
      <c r="U121" s="191"/>
      <c r="V121" s="191">
        <v>377</v>
      </c>
      <c r="W121" s="191"/>
      <c r="X121" s="191"/>
      <c r="Y121" s="410">
        <v>840</v>
      </c>
      <c r="Z121" s="410"/>
      <c r="AA121" s="410"/>
      <c r="AB121" s="186">
        <v>433</v>
      </c>
      <c r="AC121" s="186"/>
      <c r="AD121" s="186"/>
      <c r="AE121" s="186">
        <v>407</v>
      </c>
      <c r="AF121" s="186"/>
      <c r="AG121" s="216"/>
    </row>
    <row r="122" spans="1:33" s="1" customFormat="1" ht="15.75" customHeight="1" x14ac:dyDescent="0.15">
      <c r="A122" s="23"/>
      <c r="B122" s="248" t="s">
        <v>6</v>
      </c>
      <c r="C122" s="248"/>
      <c r="D122" s="248"/>
      <c r="E122" s="248"/>
      <c r="F122" s="249"/>
      <c r="G122" s="447">
        <v>782</v>
      </c>
      <c r="H122" s="447"/>
      <c r="I122" s="345"/>
      <c r="J122" s="191">
        <v>390</v>
      </c>
      <c r="K122" s="191"/>
      <c r="L122" s="239"/>
      <c r="M122" s="239">
        <v>392</v>
      </c>
      <c r="N122" s="239"/>
      <c r="O122" s="239"/>
      <c r="P122" s="447">
        <v>792</v>
      </c>
      <c r="Q122" s="447"/>
      <c r="R122" s="447"/>
      <c r="S122" s="191">
        <v>413</v>
      </c>
      <c r="T122" s="239"/>
      <c r="U122" s="239"/>
      <c r="V122" s="239">
        <v>379</v>
      </c>
      <c r="W122" s="239"/>
      <c r="X122" s="239"/>
      <c r="Y122" s="474">
        <v>808</v>
      </c>
      <c r="Z122" s="474"/>
      <c r="AA122" s="474"/>
      <c r="AB122" s="186">
        <v>421</v>
      </c>
      <c r="AC122" s="237"/>
      <c r="AD122" s="237"/>
      <c r="AE122" s="237">
        <v>387</v>
      </c>
      <c r="AF122" s="237"/>
      <c r="AG122" s="238"/>
    </row>
    <row r="123" spans="1:33" s="1" customFormat="1" ht="15.95" customHeight="1" x14ac:dyDescent="0.15">
      <c r="A123" s="8" t="s">
        <v>37</v>
      </c>
      <c r="B123" s="2"/>
      <c r="C123" s="2"/>
      <c r="D123" s="2"/>
      <c r="E123" s="2"/>
      <c r="F123" s="2"/>
      <c r="G123" s="2"/>
      <c r="H123" s="2"/>
      <c r="I123" s="33"/>
      <c r="J123" s="33"/>
      <c r="K123" s="33"/>
      <c r="L123" s="2"/>
      <c r="M123" s="2"/>
      <c r="N123" s="2"/>
      <c r="O123" s="2"/>
      <c r="P123" s="2"/>
      <c r="Q123" s="2"/>
      <c r="R123" s="2"/>
      <c r="S123" s="33"/>
      <c r="T123" s="33"/>
      <c r="U123" s="2"/>
      <c r="V123" s="3"/>
      <c r="W123" s="3"/>
      <c r="X123" s="3"/>
      <c r="Y123" s="40"/>
      <c r="Z123" s="40"/>
      <c r="AA123" s="40"/>
      <c r="AB123" s="40"/>
      <c r="AC123" s="3"/>
      <c r="AD123" s="3"/>
      <c r="AE123" s="3"/>
      <c r="AF123" s="3"/>
      <c r="AG123" s="3" t="s">
        <v>230</v>
      </c>
    </row>
    <row r="124" spans="1:33" s="1" customFormat="1" ht="15.95" customHeight="1" x14ac:dyDescent="0.15">
      <c r="A124" s="8"/>
      <c r="B124" s="2"/>
      <c r="C124" s="2"/>
      <c r="D124" s="2"/>
      <c r="E124" s="2"/>
      <c r="F124" s="2"/>
      <c r="G124" s="2"/>
      <c r="H124" s="2"/>
      <c r="I124" s="2"/>
      <c r="J124" s="2"/>
      <c r="K124" s="2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3"/>
      <c r="W124" s="3"/>
      <c r="X124" s="3"/>
      <c r="Y124" s="3"/>
      <c r="Z124" s="3"/>
      <c r="AA124" s="3"/>
      <c r="AB124" s="3"/>
      <c r="AC124" s="3"/>
      <c r="AD124" s="3"/>
      <c r="AE124" s="3"/>
      <c r="AF124" s="3"/>
      <c r="AG124" s="3"/>
    </row>
    <row r="125" spans="1:33" s="1" customFormat="1" ht="14.1" customHeight="1" x14ac:dyDescent="0.15">
      <c r="A125" s="4" t="s">
        <v>249</v>
      </c>
    </row>
    <row r="126" spans="1:33" s="1" customFormat="1" ht="15.95" customHeight="1" x14ac:dyDescent="0.15">
      <c r="B126" s="1" t="s">
        <v>27</v>
      </c>
      <c r="AG126" s="24" t="s">
        <v>56</v>
      </c>
    </row>
    <row r="127" spans="1:33" s="1" customFormat="1" ht="15.95" customHeight="1" x14ac:dyDescent="0.15">
      <c r="A127" s="396" t="s">
        <v>146</v>
      </c>
      <c r="B127" s="397"/>
      <c r="C127" s="397"/>
      <c r="D127" s="397"/>
      <c r="E127" s="397"/>
      <c r="F127" s="411"/>
      <c r="G127" s="500" t="s">
        <v>46</v>
      </c>
      <c r="H127" s="501"/>
      <c r="I127" s="501"/>
      <c r="J127" s="502"/>
      <c r="K127" s="781" t="s">
        <v>57</v>
      </c>
      <c r="L127" s="782"/>
      <c r="M127" s="782"/>
      <c r="N127" s="782"/>
      <c r="O127" s="782"/>
      <c r="P127" s="782"/>
      <c r="Q127" s="782"/>
      <c r="R127" s="782"/>
      <c r="S127" s="782"/>
      <c r="T127" s="782"/>
      <c r="U127" s="782"/>
      <c r="V127" s="782"/>
      <c r="W127" s="782"/>
      <c r="X127" s="782"/>
      <c r="Y127" s="782"/>
      <c r="Z127" s="783"/>
      <c r="AA127" s="506" t="s">
        <v>58</v>
      </c>
      <c r="AB127" s="507"/>
      <c r="AC127" s="508"/>
      <c r="AD127" s="491" t="s">
        <v>483</v>
      </c>
      <c r="AE127" s="492"/>
      <c r="AF127" s="492"/>
      <c r="AG127" s="492"/>
    </row>
    <row r="128" spans="1:33" s="1" customFormat="1" ht="15.95" customHeight="1" x14ac:dyDescent="0.15">
      <c r="A128" s="420" t="s">
        <v>30</v>
      </c>
      <c r="B128" s="421"/>
      <c r="C128" s="421"/>
      <c r="D128" s="421"/>
      <c r="E128" s="421"/>
      <c r="F128" s="422"/>
      <c r="G128" s="503"/>
      <c r="H128" s="504"/>
      <c r="I128" s="504"/>
      <c r="J128" s="505"/>
      <c r="K128" s="769" t="s">
        <v>32</v>
      </c>
      <c r="L128" s="489"/>
      <c r="M128" s="489"/>
      <c r="N128" s="490"/>
      <c r="O128" s="488" t="s">
        <v>73</v>
      </c>
      <c r="P128" s="489"/>
      <c r="Q128" s="489"/>
      <c r="R128" s="490"/>
      <c r="S128" s="488" t="s">
        <v>74</v>
      </c>
      <c r="T128" s="489"/>
      <c r="U128" s="489"/>
      <c r="V128" s="490"/>
      <c r="W128" s="513" t="s">
        <v>75</v>
      </c>
      <c r="X128" s="514"/>
      <c r="Y128" s="514"/>
      <c r="Z128" s="515"/>
      <c r="AA128" s="509"/>
      <c r="AB128" s="510"/>
      <c r="AC128" s="511"/>
      <c r="AD128" s="493"/>
      <c r="AE128" s="494"/>
      <c r="AF128" s="494"/>
      <c r="AG128" s="494"/>
    </row>
    <row r="129" spans="1:33" s="1" customFormat="1" ht="15.95" customHeight="1" x14ac:dyDescent="0.15">
      <c r="A129" s="378">
        <v>5</v>
      </c>
      <c r="B129" s="379"/>
      <c r="C129" s="379"/>
      <c r="D129" s="379"/>
      <c r="E129" s="379"/>
      <c r="F129" s="380"/>
      <c r="G129" s="191">
        <v>2338</v>
      </c>
      <c r="H129" s="191"/>
      <c r="I129" s="191"/>
      <c r="J129" s="191"/>
      <c r="K129" s="191">
        <v>2302</v>
      </c>
      <c r="L129" s="191"/>
      <c r="M129" s="191"/>
      <c r="N129" s="191"/>
      <c r="O129" s="191">
        <v>767</v>
      </c>
      <c r="P129" s="191"/>
      <c r="Q129" s="191"/>
      <c r="R129" s="191"/>
      <c r="S129" s="191">
        <v>766</v>
      </c>
      <c r="T129" s="191"/>
      <c r="U129" s="191"/>
      <c r="V129" s="191"/>
      <c r="W129" s="191">
        <v>769</v>
      </c>
      <c r="X129" s="191"/>
      <c r="Y129" s="191"/>
      <c r="Z129" s="191"/>
      <c r="AA129" s="373" t="s">
        <v>105</v>
      </c>
      <c r="AB129" s="373"/>
      <c r="AC129" s="373"/>
      <c r="AD129" s="191">
        <v>36</v>
      </c>
      <c r="AE129" s="191"/>
      <c r="AF129" s="191"/>
      <c r="AG129" s="217"/>
    </row>
    <row r="130" spans="1:33" s="1" customFormat="1" ht="15.95" customHeight="1" x14ac:dyDescent="0.15">
      <c r="A130" s="381">
        <v>6</v>
      </c>
      <c r="B130" s="382"/>
      <c r="C130" s="382"/>
      <c r="D130" s="382"/>
      <c r="E130" s="382"/>
      <c r="F130" s="383"/>
      <c r="G130" s="191">
        <v>2409</v>
      </c>
      <c r="H130" s="191"/>
      <c r="I130" s="191"/>
      <c r="J130" s="191"/>
      <c r="K130" s="191">
        <v>2375</v>
      </c>
      <c r="L130" s="191"/>
      <c r="M130" s="191"/>
      <c r="N130" s="191"/>
      <c r="O130" s="191">
        <v>813</v>
      </c>
      <c r="P130" s="191"/>
      <c r="Q130" s="191"/>
      <c r="R130" s="191"/>
      <c r="S130" s="191">
        <v>780</v>
      </c>
      <c r="T130" s="191"/>
      <c r="U130" s="191"/>
      <c r="V130" s="191"/>
      <c r="W130" s="191">
        <v>782</v>
      </c>
      <c r="X130" s="191"/>
      <c r="Y130" s="191"/>
      <c r="Z130" s="191"/>
      <c r="AA130" s="373" t="s">
        <v>105</v>
      </c>
      <c r="AB130" s="373"/>
      <c r="AC130" s="373"/>
      <c r="AD130" s="191">
        <v>34</v>
      </c>
      <c r="AE130" s="191"/>
      <c r="AF130" s="191"/>
      <c r="AG130" s="217"/>
    </row>
    <row r="131" spans="1:33" s="2" customFormat="1" ht="13.5" customHeight="1" x14ac:dyDescent="0.15">
      <c r="A131" s="423">
        <v>7</v>
      </c>
      <c r="B131" s="424"/>
      <c r="C131" s="424"/>
      <c r="D131" s="424"/>
      <c r="E131" s="424"/>
      <c r="F131" s="425"/>
      <c r="G131" s="237">
        <v>2405</v>
      </c>
      <c r="H131" s="237"/>
      <c r="I131" s="237"/>
      <c r="J131" s="237"/>
      <c r="K131" s="237">
        <v>2368</v>
      </c>
      <c r="L131" s="237"/>
      <c r="M131" s="237"/>
      <c r="N131" s="237"/>
      <c r="O131" s="237">
        <v>743</v>
      </c>
      <c r="P131" s="237"/>
      <c r="Q131" s="237"/>
      <c r="R131" s="237"/>
      <c r="S131" s="237">
        <v>829</v>
      </c>
      <c r="T131" s="237"/>
      <c r="U131" s="237"/>
      <c r="V131" s="237"/>
      <c r="W131" s="237">
        <v>796</v>
      </c>
      <c r="X131" s="237"/>
      <c r="Y131" s="237"/>
      <c r="Z131" s="237"/>
      <c r="AA131" s="377" t="s">
        <v>178</v>
      </c>
      <c r="AB131" s="377"/>
      <c r="AC131" s="377"/>
      <c r="AD131" s="237">
        <v>37</v>
      </c>
      <c r="AE131" s="237"/>
      <c r="AF131" s="237"/>
      <c r="AG131" s="238"/>
    </row>
    <row r="132" spans="1:33" s="2" customFormat="1" ht="15.95" customHeight="1" x14ac:dyDescent="0.15">
      <c r="A132" s="8" t="s">
        <v>484</v>
      </c>
      <c r="B132" s="20"/>
      <c r="C132" s="20"/>
      <c r="D132" s="20"/>
      <c r="E132" s="20"/>
      <c r="F132" s="20"/>
      <c r="G132" s="20"/>
      <c r="H132" s="20"/>
      <c r="I132" s="20"/>
      <c r="J132" s="1"/>
      <c r="K132" s="1"/>
      <c r="L132" s="1"/>
      <c r="M132" s="1"/>
      <c r="N132" s="1"/>
      <c r="O132" s="1"/>
      <c r="P132" s="1"/>
      <c r="Q132" s="1"/>
      <c r="R132" s="1"/>
      <c r="S132" s="1"/>
      <c r="T132" s="1"/>
      <c r="U132" s="1"/>
      <c r="V132" s="1"/>
      <c r="W132" s="1"/>
      <c r="X132" s="1"/>
      <c r="Y132" s="1"/>
      <c r="Z132" s="1"/>
      <c r="AA132" s="1"/>
      <c r="AB132" s="1"/>
      <c r="AC132" s="1"/>
      <c r="AD132" s="1"/>
      <c r="AE132" s="1"/>
      <c r="AF132" s="1"/>
      <c r="AG132" s="1"/>
    </row>
    <row r="133" spans="1:33" s="1" customFormat="1" ht="20.100000000000001" customHeight="1" x14ac:dyDescent="0.15">
      <c r="B133" s="20"/>
      <c r="C133" s="20"/>
      <c r="D133" s="20"/>
      <c r="E133" s="20"/>
      <c r="F133" s="20"/>
      <c r="G133" s="20"/>
      <c r="H133" s="20"/>
      <c r="I133" s="20"/>
      <c r="V133" s="3"/>
      <c r="W133" s="3"/>
      <c r="X133" s="3"/>
      <c r="Y133" s="3"/>
      <c r="Z133" s="3"/>
      <c r="AA133" s="3"/>
      <c r="AB133" s="3"/>
      <c r="AC133" s="3"/>
      <c r="AD133" s="3"/>
      <c r="AE133" s="3"/>
      <c r="AF133" s="3"/>
      <c r="AG133" s="3" t="s">
        <v>230</v>
      </c>
    </row>
    <row r="134" spans="1:33" s="1" customFormat="1" ht="15.95" customHeight="1" x14ac:dyDescent="0.15">
      <c r="B134" s="20"/>
      <c r="C134" s="20"/>
      <c r="D134" s="20"/>
      <c r="E134" s="20"/>
      <c r="F134" s="20"/>
      <c r="G134" s="20"/>
      <c r="H134" s="20"/>
      <c r="I134" s="20"/>
      <c r="V134" s="3"/>
      <c r="W134" s="3"/>
      <c r="X134" s="3"/>
      <c r="Y134" s="3"/>
      <c r="Z134" s="3"/>
      <c r="AA134" s="3"/>
      <c r="AB134" s="3"/>
      <c r="AC134" s="3"/>
      <c r="AD134" s="3"/>
      <c r="AE134" s="3"/>
      <c r="AF134" s="3"/>
      <c r="AG134" s="3"/>
    </row>
    <row r="135" spans="1:33" s="1" customFormat="1" ht="15.95" customHeight="1" x14ac:dyDescent="0.15">
      <c r="A135" s="4" t="s">
        <v>250</v>
      </c>
    </row>
    <row r="136" spans="1:33" s="1" customFormat="1" ht="15.95" customHeight="1" x14ac:dyDescent="0.15">
      <c r="B136" s="1" t="s">
        <v>599</v>
      </c>
      <c r="AE136" s="15"/>
      <c r="AF136" s="15"/>
      <c r="AG136" s="24" t="s">
        <v>39</v>
      </c>
    </row>
    <row r="137" spans="1:33" s="1" customFormat="1" ht="20.100000000000001" customHeight="1" x14ac:dyDescent="0.15">
      <c r="A137" s="588" t="s">
        <v>30</v>
      </c>
      <c r="B137" s="589"/>
      <c r="C137" s="589"/>
      <c r="D137" s="589"/>
      <c r="E137" s="589"/>
      <c r="F137" s="589"/>
      <c r="G137" s="589"/>
      <c r="H137" s="590"/>
      <c r="I137" s="287" t="s">
        <v>40</v>
      </c>
      <c r="J137" s="480"/>
      <c r="K137" s="480"/>
      <c r="L137" s="480"/>
      <c r="M137" s="480"/>
      <c r="N137" s="481"/>
      <c r="O137" s="435" t="s">
        <v>61</v>
      </c>
      <c r="P137" s="435"/>
      <c r="Q137" s="435"/>
      <c r="R137" s="435"/>
      <c r="S137" s="228" t="s">
        <v>157</v>
      </c>
      <c r="T137" s="233"/>
      <c r="U137" s="233"/>
      <c r="V137" s="233"/>
      <c r="W137" s="228" t="s">
        <v>158</v>
      </c>
      <c r="X137" s="228"/>
      <c r="Y137" s="228"/>
      <c r="Z137" s="435" t="s">
        <v>42</v>
      </c>
      <c r="AA137" s="435"/>
      <c r="AB137" s="435"/>
      <c r="AC137" s="565"/>
      <c r="AD137" s="230"/>
      <c r="AE137" s="231"/>
      <c r="AF137" s="231"/>
      <c r="AG137" s="232"/>
    </row>
    <row r="138" spans="1:33" s="1" customFormat="1" ht="20.100000000000001" customHeight="1" x14ac:dyDescent="0.15">
      <c r="A138" s="544" t="s">
        <v>62</v>
      </c>
      <c r="B138" s="545"/>
      <c r="C138" s="545"/>
      <c r="D138" s="545"/>
      <c r="E138" s="545"/>
      <c r="F138" s="545"/>
      <c r="G138" s="545"/>
      <c r="H138" s="546"/>
      <c r="I138" s="250" t="s">
        <v>63</v>
      </c>
      <c r="J138" s="250"/>
      <c r="K138" s="250"/>
      <c r="L138" s="250" t="s">
        <v>64</v>
      </c>
      <c r="M138" s="250"/>
      <c r="N138" s="250"/>
      <c r="O138" s="250"/>
      <c r="P138" s="250"/>
      <c r="Q138" s="250"/>
      <c r="R138" s="250"/>
      <c r="S138" s="234"/>
      <c r="T138" s="234"/>
      <c r="U138" s="234"/>
      <c r="V138" s="234"/>
      <c r="W138" s="229"/>
      <c r="X138" s="229"/>
      <c r="Y138" s="229"/>
      <c r="Z138" s="250"/>
      <c r="AA138" s="250"/>
      <c r="AB138" s="250"/>
      <c r="AC138" s="250"/>
      <c r="AD138" s="250" t="s">
        <v>65</v>
      </c>
      <c r="AE138" s="520"/>
      <c r="AF138" s="520"/>
      <c r="AG138" s="521"/>
    </row>
    <row r="139" spans="1:33" s="1" customFormat="1" ht="20.100000000000001" customHeight="1" x14ac:dyDescent="0.15">
      <c r="A139" s="727" t="s">
        <v>46</v>
      </c>
      <c r="B139" s="728"/>
      <c r="C139" s="728"/>
      <c r="D139" s="728"/>
      <c r="E139" s="728"/>
      <c r="F139" s="728"/>
      <c r="G139" s="728"/>
      <c r="H139" s="729"/>
      <c r="I139" s="516">
        <f>SUM(I140:K143)</f>
        <v>85</v>
      </c>
      <c r="J139" s="240"/>
      <c r="K139" s="240"/>
      <c r="L139" s="240">
        <f>SUM(L140:N143)</f>
        <v>66</v>
      </c>
      <c r="M139" s="240"/>
      <c r="N139" s="240"/>
      <c r="O139" s="240">
        <f>SUM(O140:R143)</f>
        <v>37539</v>
      </c>
      <c r="P139" s="240"/>
      <c r="Q139" s="240"/>
      <c r="R139" s="240"/>
      <c r="S139" s="240">
        <f>SUM(S140:V143)</f>
        <v>5685</v>
      </c>
      <c r="T139" s="240"/>
      <c r="U139" s="240"/>
      <c r="V139" s="240"/>
      <c r="W139" s="797" t="s">
        <v>503</v>
      </c>
      <c r="X139" s="797"/>
      <c r="Y139" s="797"/>
      <c r="Z139" s="240">
        <f>SUM(Z140:AC143)</f>
        <v>93025</v>
      </c>
      <c r="AA139" s="240"/>
      <c r="AB139" s="240"/>
      <c r="AC139" s="240"/>
      <c r="AD139" s="240">
        <f>SUM(AD140:AG143)</f>
        <v>53085</v>
      </c>
      <c r="AE139" s="240"/>
      <c r="AF139" s="240"/>
      <c r="AG139" s="241"/>
    </row>
    <row r="140" spans="1:33" s="1" customFormat="1" ht="19.5" customHeight="1" x14ac:dyDescent="0.15">
      <c r="A140" s="41"/>
      <c r="B140" s="556" t="s">
        <v>141</v>
      </c>
      <c r="C140" s="557"/>
      <c r="D140" s="288" t="s">
        <v>47</v>
      </c>
      <c r="E140" s="517"/>
      <c r="F140" s="517"/>
      <c r="G140" s="517"/>
      <c r="H140" s="518"/>
      <c r="I140" s="512">
        <v>37</v>
      </c>
      <c r="J140" s="282"/>
      <c r="K140" s="282"/>
      <c r="L140" s="282">
        <v>21</v>
      </c>
      <c r="M140" s="282"/>
      <c r="N140" s="282"/>
      <c r="O140" s="282">
        <v>6639</v>
      </c>
      <c r="P140" s="282"/>
      <c r="Q140" s="282"/>
      <c r="R140" s="282"/>
      <c r="S140" s="282">
        <v>1179</v>
      </c>
      <c r="T140" s="282"/>
      <c r="U140" s="282"/>
      <c r="V140" s="282"/>
      <c r="W140" s="630" t="s">
        <v>105</v>
      </c>
      <c r="X140" s="630"/>
      <c r="Y140" s="630"/>
      <c r="Z140" s="282">
        <v>26077</v>
      </c>
      <c r="AA140" s="282"/>
      <c r="AB140" s="282"/>
      <c r="AC140" s="282"/>
      <c r="AD140" s="282">
        <v>17320</v>
      </c>
      <c r="AE140" s="282"/>
      <c r="AF140" s="282"/>
      <c r="AG140" s="519"/>
    </row>
    <row r="141" spans="1:33" s="1" customFormat="1" ht="19.5" customHeight="1" x14ac:dyDescent="0.15">
      <c r="A141" s="41"/>
      <c r="B141" s="558"/>
      <c r="C141" s="348"/>
      <c r="D141" s="288" t="s">
        <v>48</v>
      </c>
      <c r="E141" s="517"/>
      <c r="F141" s="517"/>
      <c r="G141" s="517"/>
      <c r="H141" s="518"/>
      <c r="I141" s="512">
        <v>24</v>
      </c>
      <c r="J141" s="282"/>
      <c r="K141" s="282"/>
      <c r="L141" s="282">
        <v>23</v>
      </c>
      <c r="M141" s="282"/>
      <c r="N141" s="282"/>
      <c r="O141" s="282">
        <v>7674</v>
      </c>
      <c r="P141" s="282"/>
      <c r="Q141" s="282"/>
      <c r="R141" s="282"/>
      <c r="S141" s="282">
        <v>1035</v>
      </c>
      <c r="T141" s="282"/>
      <c r="U141" s="282"/>
      <c r="V141" s="282"/>
      <c r="W141" s="630" t="s">
        <v>105</v>
      </c>
      <c r="X141" s="630"/>
      <c r="Y141" s="630"/>
      <c r="Z141" s="282">
        <v>23921</v>
      </c>
      <c r="AA141" s="282"/>
      <c r="AB141" s="282"/>
      <c r="AC141" s="282"/>
      <c r="AD141" s="282">
        <v>11500</v>
      </c>
      <c r="AE141" s="282"/>
      <c r="AF141" s="282"/>
      <c r="AG141" s="519"/>
    </row>
    <row r="142" spans="1:33" s="1" customFormat="1" ht="19.5" customHeight="1" x14ac:dyDescent="0.15">
      <c r="A142" s="41"/>
      <c r="B142" s="559"/>
      <c r="C142" s="560"/>
      <c r="D142" s="288" t="s">
        <v>76</v>
      </c>
      <c r="E142" s="517"/>
      <c r="F142" s="517"/>
      <c r="G142" s="517"/>
      <c r="H142" s="518"/>
      <c r="I142" s="512">
        <v>12</v>
      </c>
      <c r="J142" s="282"/>
      <c r="K142" s="282"/>
      <c r="L142" s="282">
        <v>20</v>
      </c>
      <c r="M142" s="282"/>
      <c r="N142" s="282"/>
      <c r="O142" s="282">
        <v>5484</v>
      </c>
      <c r="P142" s="282"/>
      <c r="Q142" s="282"/>
      <c r="R142" s="282"/>
      <c r="S142" s="282">
        <v>1070</v>
      </c>
      <c r="T142" s="282"/>
      <c r="U142" s="282"/>
      <c r="V142" s="282"/>
      <c r="W142" s="630" t="s">
        <v>105</v>
      </c>
      <c r="X142" s="630"/>
      <c r="Y142" s="630"/>
      <c r="Z142" s="282">
        <v>27051</v>
      </c>
      <c r="AA142" s="282"/>
      <c r="AB142" s="282"/>
      <c r="AC142" s="282"/>
      <c r="AD142" s="282">
        <v>12627</v>
      </c>
      <c r="AE142" s="282"/>
      <c r="AF142" s="282"/>
      <c r="AG142" s="519"/>
    </row>
    <row r="143" spans="1:33" s="1" customFormat="1" ht="20.100000000000001" customHeight="1" x14ac:dyDescent="0.15">
      <c r="A143" s="42"/>
      <c r="B143" s="793" t="s">
        <v>142</v>
      </c>
      <c r="C143" s="794"/>
      <c r="D143" s="763" t="s">
        <v>77</v>
      </c>
      <c r="E143" s="764"/>
      <c r="F143" s="764"/>
      <c r="G143" s="764"/>
      <c r="H143" s="765"/>
      <c r="I143" s="437">
        <v>12</v>
      </c>
      <c r="J143" s="438"/>
      <c r="K143" s="438"/>
      <c r="L143" s="438">
        <v>2</v>
      </c>
      <c r="M143" s="438"/>
      <c r="N143" s="438"/>
      <c r="O143" s="438">
        <v>17742</v>
      </c>
      <c r="P143" s="438"/>
      <c r="Q143" s="438"/>
      <c r="R143" s="438"/>
      <c r="S143" s="438">
        <v>2401</v>
      </c>
      <c r="T143" s="438"/>
      <c r="U143" s="438"/>
      <c r="V143" s="438"/>
      <c r="W143" s="630" t="s">
        <v>105</v>
      </c>
      <c r="X143" s="630"/>
      <c r="Y143" s="630"/>
      <c r="Z143" s="438">
        <v>15976</v>
      </c>
      <c r="AA143" s="438"/>
      <c r="AB143" s="438"/>
      <c r="AC143" s="438"/>
      <c r="AD143" s="438">
        <v>11638</v>
      </c>
      <c r="AE143" s="438"/>
      <c r="AF143" s="438"/>
      <c r="AG143" s="768"/>
    </row>
    <row r="144" spans="1:33" s="1" customFormat="1" ht="15.95" customHeight="1" x14ac:dyDescent="0.15">
      <c r="A144" s="47" t="s">
        <v>78</v>
      </c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33"/>
      <c r="O144" s="33"/>
      <c r="P144" s="33"/>
      <c r="Q144" s="33"/>
      <c r="R144" s="33"/>
      <c r="S144" s="33"/>
      <c r="T144" s="33"/>
      <c r="U144" s="33"/>
      <c r="V144" s="2"/>
      <c r="W144" s="16"/>
      <c r="X144" s="16"/>
      <c r="Y144" s="16"/>
      <c r="Z144" s="16"/>
      <c r="AA144" s="16"/>
      <c r="AB144" s="16"/>
      <c r="AC144" s="16"/>
      <c r="AD144" s="16"/>
      <c r="AE144" s="16"/>
      <c r="AF144" s="16"/>
      <c r="AG144" s="16" t="s">
        <v>458</v>
      </c>
    </row>
    <row r="145" spans="1:40" s="1" customFormat="1" ht="15.95" customHeight="1" x14ac:dyDescent="0.15">
      <c r="A145" s="46"/>
      <c r="B145" s="46"/>
      <c r="C145" s="46"/>
      <c r="D145" s="46"/>
      <c r="E145" s="46"/>
      <c r="F145" s="46"/>
      <c r="G145" s="46"/>
      <c r="H145" s="46"/>
      <c r="I145" s="46"/>
      <c r="J145" s="46"/>
      <c r="K145" s="46"/>
      <c r="L145" s="46"/>
      <c r="M145" s="46"/>
      <c r="N145" s="46"/>
      <c r="O145" s="46"/>
      <c r="P145" s="46"/>
      <c r="Q145" s="46"/>
      <c r="R145" s="46"/>
      <c r="S145" s="2"/>
      <c r="T145" s="2"/>
      <c r="U145" s="2"/>
      <c r="V145" s="2"/>
      <c r="W145" s="2"/>
      <c r="X145" s="2"/>
      <c r="Y145" s="2"/>
      <c r="Z145" s="2"/>
      <c r="AA145" s="2"/>
      <c r="AB145" s="3"/>
      <c r="AC145" s="3"/>
      <c r="AD145" s="3"/>
      <c r="AE145" s="3"/>
      <c r="AF145" s="3"/>
      <c r="AG145" s="3"/>
    </row>
    <row r="146" spans="1:40" s="1" customFormat="1" ht="15.95" customHeight="1" x14ac:dyDescent="0.15">
      <c r="A146" s="4" t="s">
        <v>251</v>
      </c>
      <c r="AE146" s="15"/>
      <c r="AF146" s="15"/>
      <c r="AG146" s="24" t="s">
        <v>56</v>
      </c>
    </row>
    <row r="147" spans="1:40" s="36" customFormat="1" ht="15.95" customHeight="1" x14ac:dyDescent="0.15">
      <c r="A147" s="396" t="s">
        <v>30</v>
      </c>
      <c r="B147" s="397"/>
      <c r="C147" s="397"/>
      <c r="D147" s="397"/>
      <c r="E147" s="397"/>
      <c r="F147" s="411"/>
      <c r="G147" s="369" t="s">
        <v>66</v>
      </c>
      <c r="H147" s="369"/>
      <c r="I147" s="369"/>
      <c r="J147" s="369"/>
      <c r="K147" s="369"/>
      <c r="L147" s="369"/>
      <c r="M147" s="369"/>
      <c r="N147" s="369"/>
      <c r="O147" s="369"/>
      <c r="P147" s="369"/>
      <c r="Q147" s="369"/>
      <c r="R147" s="369"/>
      <c r="S147" s="369"/>
      <c r="T147" s="369"/>
      <c r="U147" s="369"/>
      <c r="V147" s="369"/>
      <c r="W147" s="369"/>
      <c r="X147" s="369"/>
      <c r="Y147" s="369"/>
      <c r="Z147" s="369"/>
      <c r="AA147" s="369"/>
      <c r="AB147" s="369"/>
      <c r="AC147" s="369"/>
      <c r="AD147" s="369"/>
      <c r="AE147" s="369"/>
      <c r="AF147" s="369"/>
      <c r="AG147" s="370"/>
    </row>
    <row r="148" spans="1:40" s="1" customFormat="1" ht="15.95" customHeight="1" x14ac:dyDescent="0.15">
      <c r="A148" s="420" t="s">
        <v>29</v>
      </c>
      <c r="B148" s="421"/>
      <c r="C148" s="421"/>
      <c r="D148" s="421"/>
      <c r="E148" s="421"/>
      <c r="F148" s="422"/>
      <c r="G148" s="416" t="s">
        <v>143</v>
      </c>
      <c r="H148" s="417"/>
      <c r="I148" s="417"/>
      <c r="J148" s="417"/>
      <c r="K148" s="417"/>
      <c r="L148" s="417"/>
      <c r="M148" s="418"/>
      <c r="N148" s="403" t="s">
        <v>67</v>
      </c>
      <c r="O148" s="404"/>
      <c r="P148" s="404"/>
      <c r="Q148" s="404"/>
      <c r="R148" s="412"/>
      <c r="S148" s="406" t="s">
        <v>68</v>
      </c>
      <c r="T148" s="407"/>
      <c r="U148" s="407"/>
      <c r="V148" s="407"/>
      <c r="W148" s="408"/>
      <c r="X148" s="403" t="s">
        <v>69</v>
      </c>
      <c r="Y148" s="404"/>
      <c r="Z148" s="404"/>
      <c r="AA148" s="404"/>
      <c r="AB148" s="412"/>
      <c r="AC148" s="403" t="s">
        <v>70</v>
      </c>
      <c r="AD148" s="404"/>
      <c r="AE148" s="404"/>
      <c r="AF148" s="404"/>
      <c r="AG148" s="405"/>
    </row>
    <row r="149" spans="1:40" s="1" customFormat="1" ht="15.95" customHeight="1" x14ac:dyDescent="0.15">
      <c r="A149" s="378">
        <v>4</v>
      </c>
      <c r="B149" s="379"/>
      <c r="C149" s="379"/>
      <c r="D149" s="379"/>
      <c r="E149" s="379"/>
      <c r="F149" s="380"/>
      <c r="G149" s="402">
        <v>182</v>
      </c>
      <c r="H149" s="402"/>
      <c r="I149" s="402"/>
      <c r="J149" s="402"/>
      <c r="K149" s="402"/>
      <c r="L149" s="402"/>
      <c r="M149" s="402"/>
      <c r="N149" s="402">
        <v>20</v>
      </c>
      <c r="O149" s="402"/>
      <c r="P149" s="402"/>
      <c r="Q149" s="402"/>
      <c r="R149" s="402"/>
      <c r="S149" s="176" t="s">
        <v>105</v>
      </c>
      <c r="T149" s="176"/>
      <c r="U149" s="176"/>
      <c r="V149" s="176"/>
      <c r="W149" s="176"/>
      <c r="X149" s="402">
        <v>88</v>
      </c>
      <c r="Y149" s="402"/>
      <c r="Z149" s="402"/>
      <c r="AA149" s="402"/>
      <c r="AB149" s="402"/>
      <c r="AC149" s="402">
        <v>74</v>
      </c>
      <c r="AD149" s="402"/>
      <c r="AE149" s="402"/>
      <c r="AF149" s="402"/>
      <c r="AG149" s="478"/>
    </row>
    <row r="150" spans="1:40" s="1" customFormat="1" ht="15.95" customHeight="1" x14ac:dyDescent="0.15">
      <c r="A150" s="381">
        <v>5</v>
      </c>
      <c r="B150" s="382"/>
      <c r="C150" s="382"/>
      <c r="D150" s="382"/>
      <c r="E150" s="382"/>
      <c r="F150" s="383"/>
      <c r="G150" s="402">
        <v>170</v>
      </c>
      <c r="H150" s="402"/>
      <c r="I150" s="402"/>
      <c r="J150" s="402"/>
      <c r="K150" s="402"/>
      <c r="L150" s="402"/>
      <c r="M150" s="402"/>
      <c r="N150" s="402">
        <v>24</v>
      </c>
      <c r="O150" s="402"/>
      <c r="P150" s="402"/>
      <c r="Q150" s="402"/>
      <c r="R150" s="402"/>
      <c r="S150" s="176" t="s">
        <v>105</v>
      </c>
      <c r="T150" s="176"/>
      <c r="U150" s="176"/>
      <c r="V150" s="176"/>
      <c r="W150" s="176"/>
      <c r="X150" s="402">
        <v>82</v>
      </c>
      <c r="Y150" s="402"/>
      <c r="Z150" s="402"/>
      <c r="AA150" s="402"/>
      <c r="AB150" s="402"/>
      <c r="AC150" s="402">
        <v>64</v>
      </c>
      <c r="AD150" s="402"/>
      <c r="AE150" s="402"/>
      <c r="AF150" s="402"/>
      <c r="AG150" s="478"/>
    </row>
    <row r="151" spans="1:40" s="1" customFormat="1" ht="15.95" customHeight="1" x14ac:dyDescent="0.15">
      <c r="A151" s="423">
        <v>6</v>
      </c>
      <c r="B151" s="424"/>
      <c r="C151" s="424"/>
      <c r="D151" s="424"/>
      <c r="E151" s="424"/>
      <c r="F151" s="425"/>
      <c r="G151" s="621">
        <v>193</v>
      </c>
      <c r="H151" s="414"/>
      <c r="I151" s="414"/>
      <c r="J151" s="414"/>
      <c r="K151" s="414"/>
      <c r="L151" s="414"/>
      <c r="M151" s="414"/>
      <c r="N151" s="414">
        <v>57</v>
      </c>
      <c r="O151" s="414"/>
      <c r="P151" s="414"/>
      <c r="Q151" s="414"/>
      <c r="R151" s="414"/>
      <c r="S151" s="622" t="s">
        <v>105</v>
      </c>
      <c r="T151" s="622"/>
      <c r="U151" s="622"/>
      <c r="V151" s="622"/>
      <c r="W151" s="622"/>
      <c r="X151" s="414">
        <v>66</v>
      </c>
      <c r="Y151" s="414"/>
      <c r="Z151" s="414"/>
      <c r="AA151" s="414"/>
      <c r="AB151" s="414"/>
      <c r="AC151" s="414">
        <v>70</v>
      </c>
      <c r="AD151" s="414"/>
      <c r="AE151" s="414"/>
      <c r="AF151" s="414"/>
      <c r="AG151" s="708"/>
    </row>
    <row r="152" spans="1:40" s="2" customFormat="1" ht="13.5" customHeight="1" x14ac:dyDescent="0.15">
      <c r="A152" s="8" t="s">
        <v>71</v>
      </c>
      <c r="B152" s="1"/>
      <c r="C152" s="1"/>
      <c r="D152" s="1"/>
      <c r="E152" s="1"/>
      <c r="F152" s="20"/>
      <c r="G152" s="20"/>
      <c r="H152" s="20"/>
      <c r="I152" s="20"/>
      <c r="J152" s="1"/>
      <c r="K152" s="1"/>
      <c r="L152" s="21"/>
      <c r="M152" s="21"/>
      <c r="N152" s="21"/>
      <c r="O152" s="1"/>
      <c r="P152" s="3"/>
      <c r="Q152" s="3"/>
      <c r="R152" s="3"/>
      <c r="S152" s="3"/>
      <c r="T152" s="3"/>
      <c r="U152" s="3"/>
      <c r="V152" s="3"/>
      <c r="W152" s="3"/>
      <c r="X152" s="3"/>
      <c r="Y152" s="3"/>
      <c r="Z152" s="3"/>
      <c r="AA152" s="3"/>
      <c r="AB152" s="3"/>
      <c r="AC152" s="3"/>
      <c r="AD152" s="3"/>
      <c r="AE152" s="3"/>
      <c r="AF152" s="3"/>
      <c r="AG152" s="3"/>
    </row>
    <row r="153" spans="1:40" s="48" customFormat="1" ht="13.5" x14ac:dyDescent="0.15">
      <c r="A153" s="2"/>
      <c r="B153" s="1"/>
      <c r="C153" s="1"/>
      <c r="D153" s="1"/>
      <c r="E153" s="1"/>
      <c r="F153" s="20"/>
      <c r="G153" s="20"/>
      <c r="H153" s="20"/>
      <c r="I153" s="20"/>
      <c r="J153" s="1"/>
      <c r="K153" s="1"/>
      <c r="L153" s="21"/>
      <c r="M153" s="21"/>
      <c r="N153" s="21"/>
      <c r="O153" s="21"/>
      <c r="P153" s="1"/>
      <c r="Q153" s="1"/>
      <c r="R153" s="1"/>
      <c r="S153" s="1"/>
      <c r="T153" s="21"/>
      <c r="U153" s="21"/>
      <c r="V153" s="3"/>
      <c r="W153" s="3"/>
      <c r="X153" s="3"/>
      <c r="Y153" s="3"/>
      <c r="Z153" s="3"/>
      <c r="AA153" s="3"/>
      <c r="AB153" s="3"/>
      <c r="AC153" s="3"/>
      <c r="AD153" s="3"/>
      <c r="AE153" s="3"/>
      <c r="AF153" s="3"/>
      <c r="AG153" s="3" t="s">
        <v>508</v>
      </c>
    </row>
    <row r="154" spans="1:40" s="1" customFormat="1" ht="15.95" customHeight="1" x14ac:dyDescent="0.15">
      <c r="A154" s="46"/>
      <c r="B154" s="46"/>
      <c r="C154" s="46"/>
      <c r="D154" s="46"/>
      <c r="E154" s="46"/>
      <c r="F154" s="46"/>
      <c r="G154" s="46"/>
      <c r="H154" s="46"/>
      <c r="I154" s="46"/>
      <c r="J154" s="46"/>
      <c r="K154" s="46"/>
      <c r="L154" s="46"/>
      <c r="M154" s="46"/>
      <c r="N154" s="46"/>
      <c r="O154" s="46"/>
      <c r="P154" s="46"/>
      <c r="Q154" s="46"/>
      <c r="R154" s="46"/>
      <c r="S154" s="2"/>
      <c r="T154" s="2"/>
      <c r="U154" s="2"/>
      <c r="V154" s="2"/>
      <c r="W154" s="2"/>
      <c r="X154" s="2"/>
      <c r="Y154" s="2"/>
      <c r="Z154" s="2"/>
      <c r="AA154" s="2"/>
      <c r="AB154" s="3"/>
      <c r="AC154" s="3"/>
      <c r="AD154" s="3"/>
      <c r="AE154" s="3"/>
      <c r="AF154" s="3"/>
      <c r="AG154" s="3"/>
    </row>
    <row r="155" spans="1:40" s="1" customFormat="1" ht="15.95" customHeight="1" x14ac:dyDescent="0.15">
      <c r="A155" s="4" t="s">
        <v>252</v>
      </c>
      <c r="AD155" s="15"/>
      <c r="AE155" s="15"/>
      <c r="AF155" s="15"/>
      <c r="AG155" s="24" t="s">
        <v>79</v>
      </c>
      <c r="AM155" s="62"/>
    </row>
    <row r="156" spans="1:40" s="1" customFormat="1" ht="15.95" customHeight="1" x14ac:dyDescent="0.15">
      <c r="A156" s="766" t="s">
        <v>159</v>
      </c>
      <c r="B156" s="691"/>
      <c r="C156" s="691"/>
      <c r="D156" s="691"/>
      <c r="E156" s="691"/>
      <c r="F156" s="692"/>
      <c r="G156" s="691" t="s">
        <v>80</v>
      </c>
      <c r="H156" s="691"/>
      <c r="I156" s="692"/>
      <c r="J156" s="695" t="s">
        <v>81</v>
      </c>
      <c r="K156" s="695"/>
      <c r="L156" s="695"/>
      <c r="M156" s="696"/>
      <c r="N156" s="696"/>
      <c r="O156" s="696"/>
      <c r="P156" s="696"/>
      <c r="Q156" s="696"/>
      <c r="R156" s="696"/>
      <c r="S156" s="696"/>
      <c r="T156" s="696"/>
      <c r="U156" s="696"/>
      <c r="V156" s="696"/>
      <c r="W156" s="696"/>
      <c r="X156" s="696"/>
      <c r="Y156" s="696"/>
      <c r="Z156" s="696"/>
      <c r="AA156" s="697"/>
      <c r="AB156" s="650" t="s">
        <v>137</v>
      </c>
      <c r="AC156" s="651"/>
      <c r="AD156" s="652"/>
      <c r="AE156" s="522" t="s">
        <v>82</v>
      </c>
      <c r="AF156" s="523"/>
      <c r="AG156" s="524"/>
    </row>
    <row r="157" spans="1:40" s="1" customFormat="1" ht="20.100000000000001" customHeight="1" x14ac:dyDescent="0.15">
      <c r="A157" s="767"/>
      <c r="B157" s="693"/>
      <c r="C157" s="693"/>
      <c r="D157" s="693"/>
      <c r="E157" s="693"/>
      <c r="F157" s="694"/>
      <c r="G157" s="693"/>
      <c r="H157" s="693"/>
      <c r="I157" s="694"/>
      <c r="J157" s="442" t="s">
        <v>136</v>
      </c>
      <c r="K157" s="442"/>
      <c r="L157" s="442"/>
      <c r="M157" s="441" t="s">
        <v>154</v>
      </c>
      <c r="N157" s="442"/>
      <c r="O157" s="442"/>
      <c r="P157" s="441" t="s">
        <v>155</v>
      </c>
      <c r="Q157" s="442"/>
      <c r="R157" s="443"/>
      <c r="S157" s="623" t="s">
        <v>271</v>
      </c>
      <c r="T157" s="624"/>
      <c r="U157" s="625"/>
      <c r="V157" s="441" t="s">
        <v>83</v>
      </c>
      <c r="W157" s="442"/>
      <c r="X157" s="443"/>
      <c r="Y157" s="441" t="s">
        <v>138</v>
      </c>
      <c r="Z157" s="442"/>
      <c r="AA157" s="443"/>
      <c r="AB157" s="653"/>
      <c r="AC157" s="654"/>
      <c r="AD157" s="655"/>
      <c r="AE157" s="525"/>
      <c r="AF157" s="526"/>
      <c r="AG157" s="527"/>
    </row>
    <row r="158" spans="1:40" s="1" customFormat="1" ht="15.75" customHeight="1" x14ac:dyDescent="0.15">
      <c r="A158" s="788" t="s">
        <v>486</v>
      </c>
      <c r="B158" s="789"/>
      <c r="C158" s="784" t="s">
        <v>601</v>
      </c>
      <c r="D158" s="784"/>
      <c r="E158" s="784"/>
      <c r="F158" s="785"/>
      <c r="G158" s="626">
        <v>854</v>
      </c>
      <c r="H158" s="227"/>
      <c r="I158" s="227"/>
      <c r="J158" s="227">
        <v>816</v>
      </c>
      <c r="K158" s="227"/>
      <c r="L158" s="227"/>
      <c r="M158" s="477" t="s">
        <v>105</v>
      </c>
      <c r="N158" s="477"/>
      <c r="O158" s="477"/>
      <c r="P158" s="477" t="s">
        <v>522</v>
      </c>
      <c r="Q158" s="477"/>
      <c r="R158" s="477"/>
      <c r="S158" s="477" t="s">
        <v>105</v>
      </c>
      <c r="T158" s="477"/>
      <c r="U158" s="477"/>
      <c r="V158" s="341">
        <v>1</v>
      </c>
      <c r="W158" s="341"/>
      <c r="X158" s="341"/>
      <c r="Y158" s="227">
        <v>29</v>
      </c>
      <c r="Z158" s="227"/>
      <c r="AA158" s="227"/>
      <c r="AB158" s="444">
        <v>95.6</v>
      </c>
      <c r="AC158" s="444"/>
      <c r="AD158" s="444"/>
      <c r="AE158" s="795">
        <v>0.1</v>
      </c>
      <c r="AF158" s="795"/>
      <c r="AG158" s="796"/>
    </row>
    <row r="159" spans="1:40" s="36" customFormat="1" ht="15.75" customHeight="1" x14ac:dyDescent="0.15">
      <c r="A159" s="698"/>
      <c r="B159" s="699"/>
      <c r="C159" s="648" t="s">
        <v>602</v>
      </c>
      <c r="D159" s="648"/>
      <c r="E159" s="648"/>
      <c r="F159" s="649"/>
      <c r="G159" s="244">
        <v>786</v>
      </c>
      <c r="H159" s="191"/>
      <c r="I159" s="191"/>
      <c r="J159" s="191">
        <v>761</v>
      </c>
      <c r="K159" s="191"/>
      <c r="L159" s="191"/>
      <c r="M159" s="373" t="s">
        <v>604</v>
      </c>
      <c r="N159" s="373"/>
      <c r="O159" s="373"/>
      <c r="P159" s="682" t="s">
        <v>605</v>
      </c>
      <c r="Q159" s="682"/>
      <c r="R159" s="682"/>
      <c r="S159" s="373" t="s">
        <v>105</v>
      </c>
      <c r="T159" s="373"/>
      <c r="U159" s="373"/>
      <c r="V159" s="373" t="s">
        <v>105</v>
      </c>
      <c r="W159" s="373"/>
      <c r="X159" s="373"/>
      <c r="Y159" s="191">
        <v>20</v>
      </c>
      <c r="Z159" s="191"/>
      <c r="AA159" s="191"/>
      <c r="AB159" s="639">
        <v>96.8</v>
      </c>
      <c r="AC159" s="639"/>
      <c r="AD159" s="639"/>
      <c r="AE159" s="373" t="s">
        <v>105</v>
      </c>
      <c r="AF159" s="373"/>
      <c r="AG159" s="374"/>
    </row>
    <row r="160" spans="1:40" s="1" customFormat="1" ht="15.75" customHeight="1" x14ac:dyDescent="0.15">
      <c r="A160" s="786"/>
      <c r="B160" s="787"/>
      <c r="C160" s="790" t="s">
        <v>603</v>
      </c>
      <c r="D160" s="790"/>
      <c r="E160" s="790"/>
      <c r="F160" s="791"/>
      <c r="G160" s="578">
        <v>798</v>
      </c>
      <c r="H160" s="237"/>
      <c r="I160" s="237"/>
      <c r="J160" s="237">
        <v>775</v>
      </c>
      <c r="K160" s="237"/>
      <c r="L160" s="237"/>
      <c r="M160" s="377" t="s">
        <v>633</v>
      </c>
      <c r="N160" s="377"/>
      <c r="O160" s="377"/>
      <c r="P160" s="627" t="s">
        <v>634</v>
      </c>
      <c r="Q160" s="627"/>
      <c r="R160" s="627"/>
      <c r="S160" s="622" t="s">
        <v>178</v>
      </c>
      <c r="T160" s="622"/>
      <c r="U160" s="622"/>
      <c r="V160" s="257">
        <v>1</v>
      </c>
      <c r="W160" s="257"/>
      <c r="X160" s="257"/>
      <c r="Y160" s="237">
        <v>17</v>
      </c>
      <c r="Z160" s="237"/>
      <c r="AA160" s="237"/>
      <c r="AB160" s="561">
        <v>97.1</v>
      </c>
      <c r="AC160" s="561"/>
      <c r="AD160" s="561"/>
      <c r="AE160" s="553">
        <v>0.1</v>
      </c>
      <c r="AF160" s="553"/>
      <c r="AG160" s="554"/>
      <c r="AN160" s="62"/>
    </row>
    <row r="161" spans="1:33" s="1" customFormat="1" ht="12.95" customHeight="1" x14ac:dyDescent="0.15">
      <c r="A161" s="8"/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33"/>
      <c r="N161" s="33"/>
      <c r="O161" s="16"/>
      <c r="P161" s="16"/>
      <c r="Q161" s="16"/>
      <c r="R161" s="16"/>
      <c r="S161" s="16"/>
      <c r="T161" s="16"/>
      <c r="U161" s="16"/>
      <c r="V161" s="16"/>
      <c r="W161" s="16"/>
      <c r="X161" s="16"/>
      <c r="Y161" s="16"/>
      <c r="Z161" s="16"/>
      <c r="AA161" s="16"/>
      <c r="AB161" s="16"/>
      <c r="AC161" s="16"/>
      <c r="AD161" s="16"/>
      <c r="AE161" s="3"/>
      <c r="AF161" s="3"/>
      <c r="AG161" s="3" t="s">
        <v>230</v>
      </c>
    </row>
    <row r="162" spans="1:33" s="1" customFormat="1" ht="15.95" customHeight="1" x14ac:dyDescent="0.15">
      <c r="A162" s="2"/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3"/>
      <c r="P162" s="3"/>
      <c r="Q162" s="3"/>
      <c r="R162" s="3"/>
      <c r="S162" s="3"/>
      <c r="T162" s="3"/>
      <c r="U162" s="3"/>
      <c r="V162" s="3"/>
      <c r="W162" s="3"/>
      <c r="X162" s="3"/>
      <c r="Y162" s="3"/>
      <c r="Z162" s="3"/>
      <c r="AA162" s="3"/>
      <c r="AB162" s="3"/>
      <c r="AC162" s="3"/>
      <c r="AD162" s="3"/>
      <c r="AE162" s="3"/>
      <c r="AF162" s="3"/>
      <c r="AG162" s="3"/>
    </row>
    <row r="163" spans="1:33" s="1" customFormat="1" ht="20.100000000000001" customHeight="1" x14ac:dyDescent="0.15">
      <c r="A163" s="4" t="s">
        <v>253</v>
      </c>
    </row>
    <row r="164" spans="1:33" s="1" customFormat="1" ht="20.100000000000001" customHeight="1" x14ac:dyDescent="0.15">
      <c r="B164" s="1" t="s">
        <v>27</v>
      </c>
      <c r="AB164" s="5"/>
      <c r="AC164" s="5"/>
      <c r="AD164" s="5"/>
      <c r="AE164" s="5"/>
      <c r="AF164" s="5"/>
      <c r="AG164" s="19" t="s">
        <v>144</v>
      </c>
    </row>
    <row r="165" spans="1:33" s="1" customFormat="1" ht="114.95" customHeight="1" x14ac:dyDescent="0.15">
      <c r="A165" s="396" t="s">
        <v>146</v>
      </c>
      <c r="B165" s="397"/>
      <c r="C165" s="397"/>
      <c r="D165" s="397"/>
      <c r="E165" s="397"/>
      <c r="F165" s="398"/>
      <c r="G165" s="683">
        <v>5</v>
      </c>
      <c r="H165" s="684"/>
      <c r="I165" s="684"/>
      <c r="J165" s="684"/>
      <c r="K165" s="684"/>
      <c r="L165" s="684"/>
      <c r="M165" s="684"/>
      <c r="N165" s="684"/>
      <c r="O165" s="685"/>
      <c r="P165" s="210">
        <v>6</v>
      </c>
      <c r="Q165" s="211"/>
      <c r="R165" s="211"/>
      <c r="S165" s="211"/>
      <c r="T165" s="211"/>
      <c r="U165" s="211"/>
      <c r="V165" s="211"/>
      <c r="W165" s="211"/>
      <c r="X165" s="212"/>
      <c r="Y165" s="664">
        <v>7</v>
      </c>
      <c r="Z165" s="665"/>
      <c r="AA165" s="665"/>
      <c r="AB165" s="665"/>
      <c r="AC165" s="665"/>
      <c r="AD165" s="665"/>
      <c r="AE165" s="665"/>
      <c r="AF165" s="665"/>
      <c r="AG165" s="665"/>
    </row>
    <row r="166" spans="1:33" s="1" customFormat="1" ht="20.100000000000001" customHeight="1" x14ac:dyDescent="0.15">
      <c r="A166" s="420" t="s">
        <v>30</v>
      </c>
      <c r="B166" s="421"/>
      <c r="C166" s="421"/>
      <c r="D166" s="421"/>
      <c r="E166" s="421"/>
      <c r="F166" s="647"/>
      <c r="G166" s="686"/>
      <c r="H166" s="687"/>
      <c r="I166" s="687"/>
      <c r="J166" s="687"/>
      <c r="K166" s="687"/>
      <c r="L166" s="687"/>
      <c r="M166" s="687"/>
      <c r="N166" s="687"/>
      <c r="O166" s="688"/>
      <c r="P166" s="213"/>
      <c r="Q166" s="214"/>
      <c r="R166" s="214"/>
      <c r="S166" s="214"/>
      <c r="T166" s="214"/>
      <c r="U166" s="214"/>
      <c r="V166" s="214"/>
      <c r="W166" s="214"/>
      <c r="X166" s="215"/>
      <c r="Y166" s="666"/>
      <c r="Z166" s="667"/>
      <c r="AA166" s="667"/>
      <c r="AB166" s="667"/>
      <c r="AC166" s="667"/>
      <c r="AD166" s="667"/>
      <c r="AE166" s="667"/>
      <c r="AF166" s="667"/>
      <c r="AG166" s="667"/>
    </row>
    <row r="167" spans="1:33" s="1" customFormat="1" ht="20.100000000000001" customHeight="1" x14ac:dyDescent="0.15">
      <c r="A167" s="740" t="s">
        <v>51</v>
      </c>
      <c r="B167" s="517"/>
      <c r="C167" s="517"/>
      <c r="D167" s="517"/>
      <c r="E167" s="517"/>
      <c r="F167" s="792"/>
      <c r="G167" s="700">
        <v>2</v>
      </c>
      <c r="H167" s="555"/>
      <c r="I167" s="555"/>
      <c r="J167" s="555"/>
      <c r="K167" s="555"/>
      <c r="L167" s="555"/>
      <c r="M167" s="555"/>
      <c r="N167" s="555"/>
      <c r="O167" s="446"/>
      <c r="P167" s="376">
        <v>2</v>
      </c>
      <c r="Q167" s="555"/>
      <c r="R167" s="555"/>
      <c r="S167" s="555"/>
      <c r="T167" s="555"/>
      <c r="U167" s="555"/>
      <c r="V167" s="555"/>
      <c r="W167" s="555"/>
      <c r="X167" s="446"/>
      <c r="Y167" s="642">
        <v>2</v>
      </c>
      <c r="Z167" s="642"/>
      <c r="AA167" s="642"/>
      <c r="AB167" s="642"/>
      <c r="AC167" s="642"/>
      <c r="AD167" s="642"/>
      <c r="AE167" s="642"/>
      <c r="AF167" s="642"/>
      <c r="AG167" s="562"/>
    </row>
    <row r="168" spans="1:33" s="36" customFormat="1" ht="20.100000000000001" customHeight="1" x14ac:dyDescent="0.15">
      <c r="A168" s="6"/>
      <c r="B168" s="27"/>
      <c r="C168" s="27"/>
      <c r="D168" s="27"/>
      <c r="E168" s="27"/>
      <c r="F168" s="28"/>
      <c r="G168" s="376" t="s">
        <v>1</v>
      </c>
      <c r="H168" s="555"/>
      <c r="I168" s="446"/>
      <c r="J168" s="376" t="s">
        <v>2</v>
      </c>
      <c r="K168" s="555"/>
      <c r="L168" s="446"/>
      <c r="M168" s="376" t="s">
        <v>3</v>
      </c>
      <c r="N168" s="555"/>
      <c r="O168" s="446"/>
      <c r="P168" s="376" t="s">
        <v>1</v>
      </c>
      <c r="Q168" s="555"/>
      <c r="R168" s="446"/>
      <c r="S168" s="376" t="s">
        <v>2</v>
      </c>
      <c r="T168" s="555"/>
      <c r="U168" s="446"/>
      <c r="V168" s="376" t="s">
        <v>3</v>
      </c>
      <c r="W168" s="555"/>
      <c r="X168" s="446"/>
      <c r="Y168" s="562" t="s">
        <v>32</v>
      </c>
      <c r="Z168" s="563"/>
      <c r="AA168" s="564"/>
      <c r="AB168" s="562" t="s">
        <v>33</v>
      </c>
      <c r="AC168" s="563"/>
      <c r="AD168" s="564"/>
      <c r="AE168" s="562" t="s">
        <v>34</v>
      </c>
      <c r="AF168" s="563"/>
      <c r="AG168" s="563"/>
    </row>
    <row r="169" spans="1:33" s="2" customFormat="1" ht="15.75" customHeight="1" x14ac:dyDescent="0.15">
      <c r="A169" s="384" t="s">
        <v>35</v>
      </c>
      <c r="B169" s="242"/>
      <c r="C169" s="242"/>
      <c r="D169" s="242"/>
      <c r="E169" s="242"/>
      <c r="F169" s="243"/>
      <c r="G169" s="689">
        <v>109</v>
      </c>
      <c r="H169" s="690"/>
      <c r="I169" s="690"/>
      <c r="J169" s="227">
        <v>70</v>
      </c>
      <c r="K169" s="227"/>
      <c r="L169" s="227"/>
      <c r="M169" s="227">
        <v>39</v>
      </c>
      <c r="N169" s="227"/>
      <c r="O169" s="227"/>
      <c r="P169" s="690">
        <v>111</v>
      </c>
      <c r="Q169" s="690"/>
      <c r="R169" s="690"/>
      <c r="S169" s="227">
        <v>74</v>
      </c>
      <c r="T169" s="227"/>
      <c r="U169" s="227"/>
      <c r="V169" s="227">
        <v>37</v>
      </c>
      <c r="W169" s="227"/>
      <c r="X169" s="227"/>
      <c r="Y169" s="410">
        <v>113</v>
      </c>
      <c r="Z169" s="410"/>
      <c r="AA169" s="410"/>
      <c r="AB169" s="186">
        <v>73</v>
      </c>
      <c r="AC169" s="186"/>
      <c r="AD169" s="186"/>
      <c r="AE169" s="186">
        <v>40</v>
      </c>
      <c r="AF169" s="186"/>
      <c r="AG169" s="216"/>
    </row>
    <row r="170" spans="1:33" s="2" customFormat="1" ht="15.75" customHeight="1" x14ac:dyDescent="0.15">
      <c r="A170" s="384" t="s">
        <v>72</v>
      </c>
      <c r="B170" s="242"/>
      <c r="C170" s="242"/>
      <c r="D170" s="242"/>
      <c r="E170" s="242"/>
      <c r="F170" s="243"/>
      <c r="G170" s="641">
        <v>1550</v>
      </c>
      <c r="H170" s="345"/>
      <c r="I170" s="345"/>
      <c r="J170" s="191">
        <v>857</v>
      </c>
      <c r="K170" s="191"/>
      <c r="L170" s="191"/>
      <c r="M170" s="191">
        <v>693</v>
      </c>
      <c r="N170" s="191"/>
      <c r="O170" s="191"/>
      <c r="P170" s="345">
        <v>1553</v>
      </c>
      <c r="Q170" s="345"/>
      <c r="R170" s="345"/>
      <c r="S170" s="191">
        <v>850</v>
      </c>
      <c r="T170" s="191"/>
      <c r="U170" s="191"/>
      <c r="V170" s="191">
        <v>703</v>
      </c>
      <c r="W170" s="191"/>
      <c r="X170" s="191"/>
      <c r="Y170" s="410">
        <v>1555</v>
      </c>
      <c r="Z170" s="410"/>
      <c r="AA170" s="410"/>
      <c r="AB170" s="186">
        <v>858</v>
      </c>
      <c r="AC170" s="186"/>
      <c r="AD170" s="186"/>
      <c r="AE170" s="186">
        <v>697</v>
      </c>
      <c r="AF170" s="186"/>
      <c r="AG170" s="216"/>
    </row>
    <row r="171" spans="1:33" s="1" customFormat="1" ht="15.75" customHeight="1" x14ac:dyDescent="0.15">
      <c r="A171" s="10"/>
      <c r="B171" s="242" t="s">
        <v>54</v>
      </c>
      <c r="C171" s="242"/>
      <c r="D171" s="242"/>
      <c r="E171" s="242"/>
      <c r="F171" s="243"/>
      <c r="G171" s="641">
        <v>538</v>
      </c>
      <c r="H171" s="345"/>
      <c r="I171" s="345"/>
      <c r="J171" s="191">
        <v>313</v>
      </c>
      <c r="K171" s="191"/>
      <c r="L171" s="191"/>
      <c r="M171" s="191">
        <v>225</v>
      </c>
      <c r="N171" s="191"/>
      <c r="O171" s="191"/>
      <c r="P171" s="345">
        <v>518</v>
      </c>
      <c r="Q171" s="345"/>
      <c r="R171" s="345"/>
      <c r="S171" s="191">
        <v>272</v>
      </c>
      <c r="T171" s="191"/>
      <c r="U171" s="191"/>
      <c r="V171" s="191">
        <v>246</v>
      </c>
      <c r="W171" s="191"/>
      <c r="X171" s="191"/>
      <c r="Y171" s="410">
        <v>543</v>
      </c>
      <c r="Z171" s="410"/>
      <c r="AA171" s="410"/>
      <c r="AB171" s="186">
        <v>312</v>
      </c>
      <c r="AC171" s="186"/>
      <c r="AD171" s="186"/>
      <c r="AE171" s="186">
        <v>231</v>
      </c>
      <c r="AF171" s="186"/>
      <c r="AG171" s="216"/>
    </row>
    <row r="172" spans="1:33" s="1" customFormat="1" ht="15.75" customHeight="1" x14ac:dyDescent="0.15">
      <c r="A172" s="10"/>
      <c r="B172" s="242" t="s">
        <v>55</v>
      </c>
      <c r="C172" s="242"/>
      <c r="D172" s="242"/>
      <c r="E172" s="242"/>
      <c r="F172" s="243"/>
      <c r="G172" s="641">
        <v>523</v>
      </c>
      <c r="H172" s="345"/>
      <c r="I172" s="345"/>
      <c r="J172" s="191">
        <v>283</v>
      </c>
      <c r="K172" s="191"/>
      <c r="L172" s="191"/>
      <c r="M172" s="191">
        <v>240</v>
      </c>
      <c r="N172" s="191"/>
      <c r="O172" s="191"/>
      <c r="P172" s="345">
        <v>530</v>
      </c>
      <c r="Q172" s="345"/>
      <c r="R172" s="345"/>
      <c r="S172" s="191">
        <v>304</v>
      </c>
      <c r="T172" s="191"/>
      <c r="U172" s="191"/>
      <c r="V172" s="191">
        <v>226</v>
      </c>
      <c r="W172" s="191"/>
      <c r="X172" s="191"/>
      <c r="Y172" s="410">
        <v>508</v>
      </c>
      <c r="Z172" s="410"/>
      <c r="AA172" s="410"/>
      <c r="AB172" s="186">
        <v>260</v>
      </c>
      <c r="AC172" s="186"/>
      <c r="AD172" s="186"/>
      <c r="AE172" s="186">
        <v>248</v>
      </c>
      <c r="AF172" s="186"/>
      <c r="AG172" s="216"/>
    </row>
    <row r="173" spans="1:33" s="1" customFormat="1" ht="15.75" customHeight="1" x14ac:dyDescent="0.15">
      <c r="A173" s="23"/>
      <c r="B173" s="248" t="s">
        <v>6</v>
      </c>
      <c r="C173" s="248"/>
      <c r="D173" s="248"/>
      <c r="E173" s="248"/>
      <c r="F173" s="249"/>
      <c r="G173" s="643">
        <v>489</v>
      </c>
      <c r="H173" s="644"/>
      <c r="I173" s="644"/>
      <c r="J173" s="239">
        <v>261</v>
      </c>
      <c r="K173" s="239"/>
      <c r="L173" s="239"/>
      <c r="M173" s="239">
        <v>228</v>
      </c>
      <c r="N173" s="239"/>
      <c r="O173" s="239"/>
      <c r="P173" s="644">
        <v>505</v>
      </c>
      <c r="Q173" s="644"/>
      <c r="R173" s="644"/>
      <c r="S173" s="239">
        <v>274</v>
      </c>
      <c r="T173" s="239"/>
      <c r="U173" s="239"/>
      <c r="V173" s="239">
        <v>231</v>
      </c>
      <c r="W173" s="239"/>
      <c r="X173" s="239"/>
      <c r="Y173" s="410">
        <v>504</v>
      </c>
      <c r="Z173" s="410"/>
      <c r="AA173" s="410"/>
      <c r="AB173" s="237">
        <v>286</v>
      </c>
      <c r="AC173" s="237"/>
      <c r="AD173" s="237"/>
      <c r="AE173" s="237">
        <v>218</v>
      </c>
      <c r="AF173" s="237"/>
      <c r="AG173" s="238"/>
    </row>
    <row r="174" spans="1:33" s="1" customFormat="1" ht="14.1" customHeight="1" x14ac:dyDescent="0.15">
      <c r="A174" s="8" t="s">
        <v>37</v>
      </c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3"/>
      <c r="P174" s="3"/>
      <c r="Q174" s="3"/>
      <c r="R174" s="3"/>
      <c r="S174" s="3"/>
      <c r="T174" s="3"/>
      <c r="U174" s="3"/>
      <c r="V174" s="3"/>
      <c r="W174" s="3"/>
      <c r="X174" s="3"/>
      <c r="Y174" s="40"/>
      <c r="Z174" s="40"/>
      <c r="AA174" s="40"/>
      <c r="AB174" s="3"/>
      <c r="AC174" s="3"/>
      <c r="AD174" s="3"/>
      <c r="AE174" s="3"/>
      <c r="AF174" s="3"/>
      <c r="AG174" s="3" t="s">
        <v>232</v>
      </c>
    </row>
    <row r="175" spans="1:33" s="1" customFormat="1" ht="15.95" customHeight="1" x14ac:dyDescent="0.15"/>
    <row r="176" spans="1:33" s="1" customFormat="1" ht="14.1" customHeight="1" x14ac:dyDescent="0.15">
      <c r="A176" s="4" t="s">
        <v>254</v>
      </c>
      <c r="AD176" s="15"/>
      <c r="AE176" s="15"/>
      <c r="AF176" s="15"/>
      <c r="AG176" s="24" t="s">
        <v>79</v>
      </c>
    </row>
    <row r="177" spans="1:41" s="1" customFormat="1" ht="15.95" customHeight="1" x14ac:dyDescent="0.15">
      <c r="A177" s="668" t="s">
        <v>159</v>
      </c>
      <c r="B177" s="669"/>
      <c r="C177" s="669"/>
      <c r="D177" s="669"/>
      <c r="E177" s="669"/>
      <c r="F177" s="670"/>
      <c r="G177" s="270" t="s">
        <v>80</v>
      </c>
      <c r="H177" s="272"/>
      <c r="I177" s="270" t="s">
        <v>81</v>
      </c>
      <c r="J177" s="271"/>
      <c r="K177" s="271"/>
      <c r="L177" s="352"/>
      <c r="M177" s="352"/>
      <c r="N177" s="352"/>
      <c r="O177" s="352"/>
      <c r="P177" s="352"/>
      <c r="Q177" s="352"/>
      <c r="R177" s="352"/>
      <c r="S177" s="352"/>
      <c r="T177" s="352"/>
      <c r="U177" s="352"/>
      <c r="V177" s="352"/>
      <c r="W177" s="352"/>
      <c r="X177" s="352"/>
      <c r="Y177" s="352"/>
      <c r="Z177" s="352"/>
      <c r="AA177" s="352"/>
      <c r="AB177" s="352"/>
      <c r="AC177" s="353"/>
      <c r="AD177" s="330" t="s">
        <v>139</v>
      </c>
      <c r="AE177" s="628"/>
      <c r="AF177" s="330" t="s">
        <v>82</v>
      </c>
      <c r="AG177" s="331"/>
    </row>
    <row r="178" spans="1:41" s="1" customFormat="1" ht="15.95" customHeight="1" x14ac:dyDescent="0.15">
      <c r="A178" s="671"/>
      <c r="B178" s="585"/>
      <c r="C178" s="585"/>
      <c r="D178" s="585"/>
      <c r="E178" s="585"/>
      <c r="F178" s="560"/>
      <c r="G178" s="273"/>
      <c r="H178" s="275"/>
      <c r="I178" s="365" t="s">
        <v>272</v>
      </c>
      <c r="J178" s="366"/>
      <c r="K178" s="367"/>
      <c r="L178" s="365" t="s">
        <v>273</v>
      </c>
      <c r="M178" s="366"/>
      <c r="N178" s="367"/>
      <c r="O178" s="365" t="s">
        <v>274</v>
      </c>
      <c r="P178" s="366"/>
      <c r="Q178" s="367"/>
      <c r="R178" s="623" t="s">
        <v>271</v>
      </c>
      <c r="S178" s="624"/>
      <c r="T178" s="625"/>
      <c r="U178" s="441" t="s">
        <v>83</v>
      </c>
      <c r="V178" s="442"/>
      <c r="W178" s="443"/>
      <c r="X178" s="365" t="s">
        <v>275</v>
      </c>
      <c r="Y178" s="366"/>
      <c r="Z178" s="367"/>
      <c r="AA178" s="365" t="s">
        <v>138</v>
      </c>
      <c r="AB178" s="366"/>
      <c r="AC178" s="367"/>
      <c r="AD178" s="332"/>
      <c r="AE178" s="629"/>
      <c r="AF178" s="332"/>
      <c r="AG178" s="333"/>
    </row>
    <row r="179" spans="1:41" s="1" customFormat="1" ht="15.95" customHeight="1" x14ac:dyDescent="0.15">
      <c r="A179" s="658" t="s">
        <v>479</v>
      </c>
      <c r="B179" s="659"/>
      <c r="C179" s="680" t="s">
        <v>606</v>
      </c>
      <c r="D179" s="680"/>
      <c r="E179" s="680"/>
      <c r="F179" s="681"/>
      <c r="G179" s="626">
        <v>550</v>
      </c>
      <c r="H179" s="227"/>
      <c r="I179" s="227">
        <v>361</v>
      </c>
      <c r="J179" s="227"/>
      <c r="K179" s="227"/>
      <c r="L179" s="227">
        <v>83</v>
      </c>
      <c r="M179" s="227"/>
      <c r="N179" s="227"/>
      <c r="O179" s="672" t="s">
        <v>105</v>
      </c>
      <c r="P179" s="672"/>
      <c r="Q179" s="672"/>
      <c r="R179" s="672">
        <v>2</v>
      </c>
      <c r="S179" s="672"/>
      <c r="T179" s="672"/>
      <c r="U179" s="227">
        <v>85</v>
      </c>
      <c r="V179" s="227"/>
      <c r="W179" s="227"/>
      <c r="X179" s="672" t="s">
        <v>105</v>
      </c>
      <c r="Y179" s="672"/>
      <c r="Z179" s="672"/>
      <c r="AA179" s="227">
        <v>19</v>
      </c>
      <c r="AB179" s="227"/>
      <c r="AC179" s="227"/>
      <c r="AD179" s="444">
        <v>65.599999999999994</v>
      </c>
      <c r="AE179" s="444"/>
      <c r="AF179" s="444">
        <v>15.5</v>
      </c>
      <c r="AG179" s="445"/>
    </row>
    <row r="180" spans="1:41" s="1" customFormat="1" ht="15.95" customHeight="1" x14ac:dyDescent="0.15">
      <c r="A180" s="346"/>
      <c r="B180" s="347"/>
      <c r="C180" s="656" t="s">
        <v>607</v>
      </c>
      <c r="D180" s="656"/>
      <c r="E180" s="656"/>
      <c r="F180" s="657"/>
      <c r="G180" s="244">
        <v>482</v>
      </c>
      <c r="H180" s="191"/>
      <c r="I180" s="191">
        <v>349</v>
      </c>
      <c r="J180" s="191"/>
      <c r="K180" s="191"/>
      <c r="L180" s="191">
        <v>53</v>
      </c>
      <c r="M180" s="191"/>
      <c r="N180" s="191"/>
      <c r="O180" s="121" t="s">
        <v>105</v>
      </c>
      <c r="P180" s="121"/>
      <c r="Q180" s="121"/>
      <c r="R180" s="121">
        <v>1</v>
      </c>
      <c r="S180" s="121"/>
      <c r="T180" s="121"/>
      <c r="U180" s="191">
        <v>49</v>
      </c>
      <c r="V180" s="191"/>
      <c r="W180" s="191"/>
      <c r="X180" s="121">
        <v>1</v>
      </c>
      <c r="Y180" s="121"/>
      <c r="Z180" s="121"/>
      <c r="AA180" s="191">
        <v>29</v>
      </c>
      <c r="AB180" s="191"/>
      <c r="AC180" s="191"/>
      <c r="AD180" s="639">
        <v>72.400000000000006</v>
      </c>
      <c r="AE180" s="639"/>
      <c r="AF180" s="639">
        <v>10.199999999999999</v>
      </c>
      <c r="AG180" s="640"/>
    </row>
    <row r="181" spans="1:41" s="1" customFormat="1" ht="15.95" customHeight="1" x14ac:dyDescent="0.15">
      <c r="A181" s="645"/>
      <c r="B181" s="646"/>
      <c r="C181" s="677" t="s">
        <v>603</v>
      </c>
      <c r="D181" s="677"/>
      <c r="E181" s="677"/>
      <c r="F181" s="678"/>
      <c r="G181" s="237">
        <v>502</v>
      </c>
      <c r="H181" s="237"/>
      <c r="I181" s="237">
        <v>355</v>
      </c>
      <c r="J181" s="237"/>
      <c r="K181" s="237"/>
      <c r="L181" s="237">
        <v>76</v>
      </c>
      <c r="M181" s="237"/>
      <c r="N181" s="237"/>
      <c r="O181" s="676" t="s">
        <v>178</v>
      </c>
      <c r="P181" s="676"/>
      <c r="Q181" s="676"/>
      <c r="R181" s="679" t="s">
        <v>178</v>
      </c>
      <c r="S181" s="679"/>
      <c r="T181" s="679"/>
      <c r="U181" s="237">
        <v>51</v>
      </c>
      <c r="V181" s="237"/>
      <c r="W181" s="237"/>
      <c r="X181" s="676" t="s">
        <v>178</v>
      </c>
      <c r="Y181" s="676"/>
      <c r="Z181" s="676"/>
      <c r="AA181" s="237">
        <v>20</v>
      </c>
      <c r="AB181" s="237"/>
      <c r="AC181" s="237"/>
      <c r="AD181" s="561">
        <v>70.7</v>
      </c>
      <c r="AE181" s="561"/>
      <c r="AF181" s="561">
        <v>10.199999999999999</v>
      </c>
      <c r="AG181" s="713"/>
    </row>
    <row r="182" spans="1:41" s="2" customFormat="1" ht="12.95" customHeight="1" x14ac:dyDescent="0.15">
      <c r="A182" s="8" t="s">
        <v>205</v>
      </c>
      <c r="O182" s="16"/>
      <c r="P182" s="16"/>
      <c r="Q182" s="16"/>
      <c r="R182" s="16"/>
      <c r="S182" s="16"/>
      <c r="T182" s="16"/>
      <c r="U182" s="16"/>
      <c r="V182" s="16"/>
      <c r="W182" s="16"/>
      <c r="X182" s="16"/>
      <c r="Y182" s="16"/>
      <c r="Z182" s="16"/>
      <c r="AA182" s="16"/>
      <c r="AB182" s="16"/>
      <c r="AC182" s="16"/>
      <c r="AD182" s="16"/>
      <c r="AE182" s="16"/>
      <c r="AF182" s="16"/>
      <c r="AG182" s="3" t="s">
        <v>230</v>
      </c>
    </row>
    <row r="183" spans="1:41" s="1" customFormat="1" ht="14.25" customHeight="1" x14ac:dyDescent="0.15">
      <c r="O183" s="3"/>
      <c r="P183" s="3"/>
      <c r="Q183" s="3"/>
      <c r="R183" s="3"/>
      <c r="S183" s="3"/>
      <c r="T183" s="3"/>
      <c r="U183" s="3"/>
      <c r="V183" s="3"/>
      <c r="W183" s="3"/>
      <c r="X183" s="3"/>
      <c r="Y183" s="3"/>
      <c r="Z183" s="3"/>
      <c r="AA183" s="3"/>
      <c r="AB183" s="3"/>
      <c r="AC183" s="3"/>
      <c r="AD183" s="3"/>
      <c r="AE183" s="3"/>
      <c r="AF183" s="3"/>
      <c r="AG183" s="3"/>
    </row>
    <row r="184" spans="1:41" s="1" customFormat="1" ht="20.100000000000001" customHeight="1" x14ac:dyDescent="0.15">
      <c r="A184" s="4" t="s">
        <v>255</v>
      </c>
      <c r="AO184" s="63"/>
    </row>
    <row r="185" spans="1:41" s="1" customFormat="1" ht="20.100000000000001" customHeight="1" x14ac:dyDescent="0.15">
      <c r="B185" s="1" t="s">
        <v>27</v>
      </c>
      <c r="AD185" s="34"/>
      <c r="AE185" s="15"/>
      <c r="AF185" s="15"/>
      <c r="AG185" s="15" t="s">
        <v>144</v>
      </c>
    </row>
    <row r="186" spans="1:41" s="1" customFormat="1" ht="114.95" customHeight="1" x14ac:dyDescent="0.15">
      <c r="A186" s="588" t="s">
        <v>148</v>
      </c>
      <c r="B186" s="589"/>
      <c r="C186" s="589"/>
      <c r="D186" s="589"/>
      <c r="E186" s="589"/>
      <c r="F186" s="590"/>
      <c r="G186" s="210">
        <v>5</v>
      </c>
      <c r="H186" s="211"/>
      <c r="I186" s="211"/>
      <c r="J186" s="211"/>
      <c r="K186" s="211"/>
      <c r="L186" s="211"/>
      <c r="M186" s="211"/>
      <c r="N186" s="211"/>
      <c r="O186" s="212"/>
      <c r="P186" s="210">
        <v>6</v>
      </c>
      <c r="Q186" s="211"/>
      <c r="R186" s="211"/>
      <c r="S186" s="211"/>
      <c r="T186" s="211"/>
      <c r="U186" s="211"/>
      <c r="V186" s="211"/>
      <c r="W186" s="211"/>
      <c r="X186" s="212"/>
      <c r="Y186" s="664">
        <v>7</v>
      </c>
      <c r="Z186" s="665"/>
      <c r="AA186" s="665"/>
      <c r="AB186" s="665"/>
      <c r="AC186" s="665"/>
      <c r="AD186" s="665"/>
      <c r="AE186" s="665"/>
      <c r="AF186" s="665"/>
      <c r="AG186" s="665"/>
    </row>
    <row r="187" spans="1:41" s="1" customFormat="1" ht="15.95" customHeight="1" x14ac:dyDescent="0.15">
      <c r="A187" s="544" t="s">
        <v>30</v>
      </c>
      <c r="B187" s="545"/>
      <c r="C187" s="545"/>
      <c r="D187" s="545"/>
      <c r="E187" s="545"/>
      <c r="F187" s="26"/>
      <c r="G187" s="213"/>
      <c r="H187" s="214"/>
      <c r="I187" s="214"/>
      <c r="J187" s="214"/>
      <c r="K187" s="214"/>
      <c r="L187" s="214"/>
      <c r="M187" s="214"/>
      <c r="N187" s="214"/>
      <c r="O187" s="215"/>
      <c r="P187" s="213"/>
      <c r="Q187" s="214"/>
      <c r="R187" s="214"/>
      <c r="S187" s="214"/>
      <c r="T187" s="214"/>
      <c r="U187" s="214"/>
      <c r="V187" s="214"/>
      <c r="W187" s="214"/>
      <c r="X187" s="215"/>
      <c r="Y187" s="666"/>
      <c r="Z187" s="667"/>
      <c r="AA187" s="667"/>
      <c r="AB187" s="667"/>
      <c r="AC187" s="667"/>
      <c r="AD187" s="667"/>
      <c r="AE187" s="667"/>
      <c r="AF187" s="667"/>
      <c r="AG187" s="667"/>
    </row>
    <row r="188" spans="1:41" s="1" customFormat="1" ht="15.95" customHeight="1" x14ac:dyDescent="0.15">
      <c r="A188" s="740" t="s">
        <v>51</v>
      </c>
      <c r="B188" s="517"/>
      <c r="C188" s="517"/>
      <c r="D188" s="517"/>
      <c r="E188" s="517"/>
      <c r="F188" s="792"/>
      <c r="G188" s="358">
        <v>2</v>
      </c>
      <c r="H188" s="359"/>
      <c r="I188" s="359"/>
      <c r="J188" s="359"/>
      <c r="K188" s="359"/>
      <c r="L188" s="359"/>
      <c r="M188" s="359"/>
      <c r="N188" s="359"/>
      <c r="O188" s="360"/>
      <c r="P188" s="358">
        <v>2</v>
      </c>
      <c r="Q188" s="359"/>
      <c r="R188" s="359"/>
      <c r="S188" s="359"/>
      <c r="T188" s="359"/>
      <c r="U188" s="359"/>
      <c r="V188" s="359"/>
      <c r="W188" s="359"/>
      <c r="X188" s="360"/>
      <c r="Y188" s="363">
        <v>2</v>
      </c>
      <c r="Z188" s="363"/>
      <c r="AA188" s="363"/>
      <c r="AB188" s="363"/>
      <c r="AC188" s="363"/>
      <c r="AD188" s="363"/>
      <c r="AE188" s="363"/>
      <c r="AF188" s="363"/>
      <c r="AG188" s="364"/>
    </row>
    <row r="189" spans="1:41" s="36" customFormat="1" ht="15.95" customHeight="1" x14ac:dyDescent="0.15">
      <c r="A189" s="714"/>
      <c r="B189" s="680"/>
      <c r="C189" s="680"/>
      <c r="D189" s="680"/>
      <c r="E189" s="680"/>
      <c r="F189" s="26"/>
      <c r="G189" s="631" t="s">
        <v>1</v>
      </c>
      <c r="H189" s="632"/>
      <c r="I189" s="633"/>
      <c r="J189" s="660" t="s">
        <v>2</v>
      </c>
      <c r="K189" s="632"/>
      <c r="L189" s="633"/>
      <c r="M189" s="673" t="s">
        <v>3</v>
      </c>
      <c r="N189" s="674"/>
      <c r="O189" s="675"/>
      <c r="P189" s="354" t="s">
        <v>1</v>
      </c>
      <c r="Q189" s="355"/>
      <c r="R189" s="356"/>
      <c r="S189" s="354" t="s">
        <v>2</v>
      </c>
      <c r="T189" s="355"/>
      <c r="U189" s="356"/>
      <c r="V189" s="661" t="s">
        <v>3</v>
      </c>
      <c r="W189" s="662"/>
      <c r="X189" s="663"/>
      <c r="Y189" s="636" t="s">
        <v>32</v>
      </c>
      <c r="Z189" s="637"/>
      <c r="AA189" s="638"/>
      <c r="AB189" s="636" t="s">
        <v>33</v>
      </c>
      <c r="AC189" s="637"/>
      <c r="AD189" s="638"/>
      <c r="AE189" s="634" t="s">
        <v>34</v>
      </c>
      <c r="AF189" s="635"/>
      <c r="AG189" s="635"/>
    </row>
    <row r="190" spans="1:41" s="2" customFormat="1" ht="15.75" customHeight="1" x14ac:dyDescent="0.15">
      <c r="A190" s="384" t="s">
        <v>35</v>
      </c>
      <c r="B190" s="242"/>
      <c r="C190" s="242"/>
      <c r="D190" s="242"/>
      <c r="E190" s="242"/>
      <c r="F190" s="243"/>
      <c r="G190" s="716">
        <v>441</v>
      </c>
      <c r="H190" s="357"/>
      <c r="I190" s="357"/>
      <c r="J190" s="357" t="s">
        <v>209</v>
      </c>
      <c r="K190" s="357"/>
      <c r="L190" s="357"/>
      <c r="M190" s="357" t="s">
        <v>209</v>
      </c>
      <c r="N190" s="357"/>
      <c r="O190" s="357"/>
      <c r="P190" s="357">
        <v>441</v>
      </c>
      <c r="Q190" s="357"/>
      <c r="R190" s="357"/>
      <c r="S190" s="357" t="s">
        <v>209</v>
      </c>
      <c r="T190" s="357"/>
      <c r="U190" s="357"/>
      <c r="V190" s="357" t="s">
        <v>209</v>
      </c>
      <c r="W190" s="357"/>
      <c r="X190" s="357"/>
      <c r="Y190" s="187">
        <v>435</v>
      </c>
      <c r="Z190" s="187"/>
      <c r="AA190" s="187"/>
      <c r="AB190" s="361" t="s">
        <v>209</v>
      </c>
      <c r="AC190" s="361"/>
      <c r="AD190" s="361"/>
      <c r="AE190" s="361" t="s">
        <v>209</v>
      </c>
      <c r="AF190" s="361"/>
      <c r="AG190" s="362"/>
    </row>
    <row r="191" spans="1:41" s="1" customFormat="1" ht="15.75" customHeight="1" x14ac:dyDescent="0.15">
      <c r="A191" s="384" t="s">
        <v>149</v>
      </c>
      <c r="B191" s="242"/>
      <c r="C191" s="242"/>
      <c r="D191" s="242"/>
      <c r="E191" s="242"/>
      <c r="F191" s="243"/>
      <c r="G191" s="202">
        <v>510</v>
      </c>
      <c r="H191" s="203"/>
      <c r="I191" s="203"/>
      <c r="J191" s="203" t="s">
        <v>209</v>
      </c>
      <c r="K191" s="203"/>
      <c r="L191" s="203"/>
      <c r="M191" s="203" t="s">
        <v>209</v>
      </c>
      <c r="N191" s="203"/>
      <c r="O191" s="203"/>
      <c r="P191" s="203">
        <v>515</v>
      </c>
      <c r="Q191" s="203"/>
      <c r="R191" s="203"/>
      <c r="S191" s="203" t="s">
        <v>209</v>
      </c>
      <c r="T191" s="203"/>
      <c r="U191" s="203"/>
      <c r="V191" s="203" t="s">
        <v>209</v>
      </c>
      <c r="W191" s="203"/>
      <c r="X191" s="203"/>
      <c r="Y191" s="187">
        <v>493</v>
      </c>
      <c r="Z191" s="187"/>
      <c r="AA191" s="187"/>
      <c r="AB191" s="187" t="s">
        <v>209</v>
      </c>
      <c r="AC191" s="187"/>
      <c r="AD191" s="187"/>
      <c r="AE191" s="187" t="s">
        <v>209</v>
      </c>
      <c r="AF191" s="187"/>
      <c r="AG191" s="260"/>
    </row>
    <row r="192" spans="1:41" s="34" customFormat="1" ht="15.75" customHeight="1" x14ac:dyDescent="0.15">
      <c r="A192" s="10"/>
      <c r="B192" s="242" t="s">
        <v>54</v>
      </c>
      <c r="C192" s="242"/>
      <c r="D192" s="242"/>
      <c r="E192" s="242"/>
      <c r="F192" s="243"/>
      <c r="G192" s="202">
        <v>2957</v>
      </c>
      <c r="H192" s="203"/>
      <c r="I192" s="203"/>
      <c r="J192" s="203" t="s">
        <v>209</v>
      </c>
      <c r="K192" s="203"/>
      <c r="L192" s="203"/>
      <c r="M192" s="203" t="s">
        <v>209</v>
      </c>
      <c r="N192" s="203"/>
      <c r="O192" s="203"/>
      <c r="P192" s="203">
        <v>2911</v>
      </c>
      <c r="Q192" s="203"/>
      <c r="R192" s="203"/>
      <c r="S192" s="203" t="s">
        <v>209</v>
      </c>
      <c r="T192" s="203"/>
      <c r="U192" s="203"/>
      <c r="V192" s="203" t="s">
        <v>209</v>
      </c>
      <c r="W192" s="203"/>
      <c r="X192" s="203"/>
      <c r="Y192" s="187">
        <v>2927</v>
      </c>
      <c r="Z192" s="187"/>
      <c r="AA192" s="187"/>
      <c r="AB192" s="187" t="s">
        <v>209</v>
      </c>
      <c r="AC192" s="187"/>
      <c r="AD192" s="187"/>
      <c r="AE192" s="187" t="s">
        <v>209</v>
      </c>
      <c r="AF192" s="187"/>
      <c r="AG192" s="260"/>
    </row>
    <row r="193" spans="1:33" s="34" customFormat="1" ht="15.75" customHeight="1" x14ac:dyDescent="0.15">
      <c r="A193" s="10"/>
      <c r="B193" s="242" t="s">
        <v>55</v>
      </c>
      <c r="C193" s="242"/>
      <c r="D193" s="242"/>
      <c r="E193" s="242"/>
      <c r="F193" s="243"/>
      <c r="G193" s="202">
        <v>2871</v>
      </c>
      <c r="H193" s="203"/>
      <c r="I193" s="203"/>
      <c r="J193" s="203" t="s">
        <v>209</v>
      </c>
      <c r="K193" s="203"/>
      <c r="L193" s="203"/>
      <c r="M193" s="203" t="s">
        <v>209</v>
      </c>
      <c r="N193" s="203"/>
      <c r="O193" s="203"/>
      <c r="P193" s="203">
        <v>2904</v>
      </c>
      <c r="Q193" s="203"/>
      <c r="R193" s="203"/>
      <c r="S193" s="203" t="s">
        <v>209</v>
      </c>
      <c r="T193" s="203"/>
      <c r="U193" s="203"/>
      <c r="V193" s="203" t="s">
        <v>209</v>
      </c>
      <c r="W193" s="203"/>
      <c r="X193" s="203"/>
      <c r="Y193" s="187">
        <v>2879</v>
      </c>
      <c r="Z193" s="187"/>
      <c r="AA193" s="187"/>
      <c r="AB193" s="187" t="s">
        <v>209</v>
      </c>
      <c r="AC193" s="187"/>
      <c r="AD193" s="187"/>
      <c r="AE193" s="187" t="s">
        <v>209</v>
      </c>
      <c r="AF193" s="187"/>
      <c r="AG193" s="260"/>
    </row>
    <row r="194" spans="1:33" s="34" customFormat="1" ht="15.75" customHeight="1" x14ac:dyDescent="0.15">
      <c r="A194" s="10"/>
      <c r="B194" s="242" t="s">
        <v>150</v>
      </c>
      <c r="C194" s="242"/>
      <c r="D194" s="242"/>
      <c r="E194" s="242"/>
      <c r="F194" s="243"/>
      <c r="G194" s="202">
        <v>2710</v>
      </c>
      <c r="H194" s="203"/>
      <c r="I194" s="203"/>
      <c r="J194" s="203" t="s">
        <v>209</v>
      </c>
      <c r="K194" s="203"/>
      <c r="L194" s="203"/>
      <c r="M194" s="203" t="s">
        <v>209</v>
      </c>
      <c r="N194" s="203"/>
      <c r="O194" s="203"/>
      <c r="P194" s="203">
        <v>2847</v>
      </c>
      <c r="Q194" s="203"/>
      <c r="R194" s="203"/>
      <c r="S194" s="203" t="s">
        <v>209</v>
      </c>
      <c r="T194" s="203"/>
      <c r="U194" s="203"/>
      <c r="V194" s="203" t="s">
        <v>209</v>
      </c>
      <c r="W194" s="203"/>
      <c r="X194" s="203"/>
      <c r="Y194" s="187">
        <v>2872</v>
      </c>
      <c r="Z194" s="187"/>
      <c r="AA194" s="187"/>
      <c r="AB194" s="187" t="s">
        <v>209</v>
      </c>
      <c r="AC194" s="187"/>
      <c r="AD194" s="187"/>
      <c r="AE194" s="187" t="s">
        <v>209</v>
      </c>
      <c r="AF194" s="187"/>
      <c r="AG194" s="260"/>
    </row>
    <row r="195" spans="1:33" s="34" customFormat="1" ht="15.75" customHeight="1" x14ac:dyDescent="0.15">
      <c r="A195" s="10"/>
      <c r="B195" s="242" t="s">
        <v>151</v>
      </c>
      <c r="C195" s="242"/>
      <c r="D195" s="242"/>
      <c r="E195" s="242"/>
      <c r="F195" s="243"/>
      <c r="G195" s="202">
        <v>3079</v>
      </c>
      <c r="H195" s="203"/>
      <c r="I195" s="203"/>
      <c r="J195" s="203" t="s">
        <v>209</v>
      </c>
      <c r="K195" s="203"/>
      <c r="L195" s="203"/>
      <c r="M195" s="203" t="s">
        <v>209</v>
      </c>
      <c r="N195" s="203"/>
      <c r="O195" s="203"/>
      <c r="P195" s="203">
        <v>3088</v>
      </c>
      <c r="Q195" s="203"/>
      <c r="R195" s="203"/>
      <c r="S195" s="203" t="s">
        <v>209</v>
      </c>
      <c r="T195" s="203"/>
      <c r="U195" s="203"/>
      <c r="V195" s="203" t="s">
        <v>209</v>
      </c>
      <c r="W195" s="203"/>
      <c r="X195" s="203"/>
      <c r="Y195" s="187">
        <v>3195</v>
      </c>
      <c r="Z195" s="187"/>
      <c r="AA195" s="187"/>
      <c r="AB195" s="187" t="s">
        <v>209</v>
      </c>
      <c r="AC195" s="187"/>
      <c r="AD195" s="187"/>
      <c r="AE195" s="187" t="s">
        <v>209</v>
      </c>
      <c r="AF195" s="187"/>
      <c r="AG195" s="260"/>
    </row>
    <row r="196" spans="1:33" s="34" customFormat="1" ht="15.75" customHeight="1" x14ac:dyDescent="0.15">
      <c r="A196" s="10"/>
      <c r="B196" s="242" t="s">
        <v>179</v>
      </c>
      <c r="C196" s="242"/>
      <c r="D196" s="242"/>
      <c r="E196" s="242"/>
      <c r="F196" s="243"/>
      <c r="G196" s="202">
        <v>122</v>
      </c>
      <c r="H196" s="203"/>
      <c r="I196" s="203"/>
      <c r="J196" s="203" t="s">
        <v>105</v>
      </c>
      <c r="K196" s="203"/>
      <c r="L196" s="203"/>
      <c r="M196" s="157">
        <v>122</v>
      </c>
      <c r="N196" s="157"/>
      <c r="O196" s="157"/>
      <c r="P196" s="203">
        <v>116</v>
      </c>
      <c r="Q196" s="203"/>
      <c r="R196" s="203"/>
      <c r="S196" s="203" t="s">
        <v>105</v>
      </c>
      <c r="T196" s="203"/>
      <c r="U196" s="203"/>
      <c r="V196" s="157">
        <v>116</v>
      </c>
      <c r="W196" s="157"/>
      <c r="X196" s="157"/>
      <c r="Y196" s="187">
        <v>119</v>
      </c>
      <c r="Z196" s="187"/>
      <c r="AA196" s="187"/>
      <c r="AB196" s="187" t="s">
        <v>178</v>
      </c>
      <c r="AC196" s="187"/>
      <c r="AD196" s="187"/>
      <c r="AE196" s="257">
        <v>119</v>
      </c>
      <c r="AF196" s="257"/>
      <c r="AG196" s="258"/>
    </row>
    <row r="197" spans="1:33" s="34" customFormat="1" ht="15.75" customHeight="1" x14ac:dyDescent="0.15">
      <c r="A197" s="10"/>
      <c r="B197" s="242" t="s">
        <v>180</v>
      </c>
      <c r="C197" s="242"/>
      <c r="D197" s="242"/>
      <c r="E197" s="242"/>
      <c r="F197" s="243"/>
      <c r="G197" s="202">
        <v>133</v>
      </c>
      <c r="H197" s="203"/>
      <c r="I197" s="203"/>
      <c r="J197" s="203" t="s">
        <v>105</v>
      </c>
      <c r="K197" s="203"/>
      <c r="L197" s="203"/>
      <c r="M197" s="157">
        <v>133</v>
      </c>
      <c r="N197" s="157"/>
      <c r="O197" s="157"/>
      <c r="P197" s="203">
        <v>132</v>
      </c>
      <c r="Q197" s="203"/>
      <c r="R197" s="203"/>
      <c r="S197" s="203" t="s">
        <v>105</v>
      </c>
      <c r="T197" s="203"/>
      <c r="U197" s="203"/>
      <c r="V197" s="157">
        <v>132</v>
      </c>
      <c r="W197" s="157"/>
      <c r="X197" s="157"/>
      <c r="Y197" s="187">
        <v>122</v>
      </c>
      <c r="Z197" s="187"/>
      <c r="AA197" s="187"/>
      <c r="AB197" s="187" t="s">
        <v>178</v>
      </c>
      <c r="AC197" s="187"/>
      <c r="AD197" s="187"/>
      <c r="AE197" s="257">
        <v>122</v>
      </c>
      <c r="AF197" s="257"/>
      <c r="AG197" s="258"/>
    </row>
    <row r="198" spans="1:33" s="34" customFormat="1" ht="15.75" customHeight="1" x14ac:dyDescent="0.15">
      <c r="A198" s="10"/>
      <c r="B198" s="242" t="s">
        <v>207</v>
      </c>
      <c r="C198" s="242"/>
      <c r="D198" s="242"/>
      <c r="E198" s="242"/>
      <c r="F198" s="243"/>
      <c r="G198" s="202">
        <v>12</v>
      </c>
      <c r="H198" s="203"/>
      <c r="I198" s="203"/>
      <c r="J198" s="203" t="s">
        <v>105</v>
      </c>
      <c r="K198" s="203"/>
      <c r="L198" s="203"/>
      <c r="M198" s="157">
        <v>12</v>
      </c>
      <c r="N198" s="157"/>
      <c r="O198" s="157"/>
      <c r="P198" s="203">
        <v>5</v>
      </c>
      <c r="Q198" s="203"/>
      <c r="R198" s="203"/>
      <c r="S198" s="203" t="s">
        <v>105</v>
      </c>
      <c r="T198" s="203"/>
      <c r="U198" s="203"/>
      <c r="V198" s="157">
        <v>5</v>
      </c>
      <c r="W198" s="157"/>
      <c r="X198" s="157"/>
      <c r="Y198" s="187">
        <v>10</v>
      </c>
      <c r="Z198" s="187"/>
      <c r="AA198" s="187"/>
      <c r="AB198" s="187" t="s">
        <v>178</v>
      </c>
      <c r="AC198" s="187"/>
      <c r="AD198" s="187"/>
      <c r="AE198" s="257">
        <v>10</v>
      </c>
      <c r="AF198" s="257"/>
      <c r="AG198" s="258"/>
    </row>
    <row r="199" spans="1:33" s="34" customFormat="1" ht="15.75" customHeight="1" x14ac:dyDescent="0.15">
      <c r="A199" s="23"/>
      <c r="B199" s="711" t="s">
        <v>152</v>
      </c>
      <c r="C199" s="711"/>
      <c r="D199" s="711"/>
      <c r="E199" s="711"/>
      <c r="F199" s="712"/>
      <c r="G199" s="343">
        <v>1193</v>
      </c>
      <c r="H199" s="256"/>
      <c r="I199" s="256"/>
      <c r="J199" s="256" t="s">
        <v>209</v>
      </c>
      <c r="K199" s="256"/>
      <c r="L199" s="256"/>
      <c r="M199" s="256" t="s">
        <v>209</v>
      </c>
      <c r="N199" s="256"/>
      <c r="O199" s="256"/>
      <c r="P199" s="256">
        <v>1195</v>
      </c>
      <c r="Q199" s="256"/>
      <c r="R199" s="256"/>
      <c r="S199" s="256" t="s">
        <v>209</v>
      </c>
      <c r="T199" s="256"/>
      <c r="U199" s="256"/>
      <c r="V199" s="256" t="s">
        <v>209</v>
      </c>
      <c r="W199" s="256"/>
      <c r="X199" s="256"/>
      <c r="Y199" s="195">
        <v>1242</v>
      </c>
      <c r="Z199" s="195"/>
      <c r="AA199" s="195"/>
      <c r="AB199" s="195" t="s">
        <v>209</v>
      </c>
      <c r="AC199" s="195"/>
      <c r="AD199" s="195"/>
      <c r="AE199" s="195" t="s">
        <v>209</v>
      </c>
      <c r="AF199" s="195"/>
      <c r="AG199" s="340"/>
    </row>
    <row r="200" spans="1:33" s="34" customFormat="1" ht="15.95" customHeight="1" x14ac:dyDescent="0.15">
      <c r="A200" s="2"/>
      <c r="B200" s="2"/>
      <c r="C200" s="2"/>
      <c r="D200" s="2"/>
      <c r="E200" s="2"/>
      <c r="F200" s="2"/>
      <c r="G200" s="2"/>
      <c r="H200" s="2"/>
      <c r="I200" s="2"/>
      <c r="J200" s="2"/>
      <c r="K200" s="2"/>
      <c r="L200" s="2"/>
      <c r="M200" s="2"/>
      <c r="N200" s="2"/>
      <c r="O200" s="2"/>
      <c r="P200" s="2"/>
      <c r="Q200" s="2"/>
      <c r="R200" s="2"/>
      <c r="S200" s="2"/>
      <c r="T200" s="2"/>
      <c r="U200" s="2"/>
      <c r="W200" s="3"/>
      <c r="X200" s="3"/>
      <c r="Y200" s="3"/>
      <c r="Z200" s="3"/>
      <c r="AA200" s="3"/>
      <c r="AB200" s="3"/>
      <c r="AC200" s="3"/>
      <c r="AD200" s="3"/>
      <c r="AE200" s="3"/>
      <c r="AF200" s="3"/>
      <c r="AG200" s="3" t="s">
        <v>153</v>
      </c>
    </row>
    <row r="201" spans="1:33" s="34" customFormat="1" ht="15.95" customHeight="1" x14ac:dyDescent="0.15">
      <c r="A201" s="2"/>
      <c r="B201" s="2"/>
      <c r="C201" s="2"/>
      <c r="D201" s="2"/>
      <c r="E201" s="2"/>
      <c r="F201" s="2"/>
      <c r="G201" s="2"/>
      <c r="H201" s="2"/>
      <c r="I201" s="2"/>
      <c r="J201" s="2"/>
      <c r="K201" s="2"/>
      <c r="L201" s="2"/>
      <c r="M201" s="2"/>
      <c r="N201" s="2"/>
      <c r="O201" s="2"/>
      <c r="P201" s="2"/>
      <c r="Q201" s="2"/>
      <c r="R201" s="2"/>
      <c r="S201" s="2"/>
      <c r="T201" s="2"/>
      <c r="U201" s="2"/>
      <c r="W201" s="3"/>
      <c r="X201" s="3"/>
      <c r="Y201" s="3"/>
      <c r="Z201" s="3"/>
      <c r="AA201" s="3"/>
      <c r="AB201" s="3"/>
      <c r="AC201" s="3"/>
      <c r="AD201" s="3"/>
      <c r="AE201" s="3"/>
      <c r="AF201" s="3"/>
      <c r="AG201" s="3"/>
    </row>
    <row r="202" spans="1:33" s="34" customFormat="1" ht="15.95" customHeight="1" x14ac:dyDescent="0.15">
      <c r="A202" s="4" t="s">
        <v>256</v>
      </c>
      <c r="B202" s="1"/>
      <c r="C202" s="1"/>
      <c r="D202" s="1"/>
      <c r="E202" s="1"/>
      <c r="F202" s="1"/>
      <c r="G202" s="1"/>
      <c r="H202" s="1"/>
      <c r="I202" s="1"/>
      <c r="J202" s="1"/>
      <c r="K202" s="1"/>
      <c r="L202" s="1"/>
      <c r="M202" s="1"/>
      <c r="N202" s="1"/>
      <c r="O202" s="15"/>
      <c r="P202" s="15"/>
      <c r="Q202" s="15"/>
      <c r="R202" s="15"/>
      <c r="S202" s="15"/>
      <c r="T202" s="15"/>
      <c r="U202" s="15"/>
      <c r="V202" s="15"/>
      <c r="W202" s="15"/>
      <c r="X202" s="15"/>
      <c r="Y202" s="15"/>
      <c r="Z202" s="15"/>
      <c r="AA202" s="15"/>
      <c r="AB202" s="15"/>
      <c r="AC202" s="15"/>
      <c r="AD202" s="15"/>
      <c r="AE202" s="15"/>
      <c r="AF202" s="15"/>
      <c r="AG202" s="24" t="s">
        <v>145</v>
      </c>
    </row>
    <row r="203" spans="1:33" s="34" customFormat="1" ht="15.95" customHeight="1" x14ac:dyDescent="0.15">
      <c r="A203" s="588" t="s">
        <v>106</v>
      </c>
      <c r="B203" s="589"/>
      <c r="C203" s="589"/>
      <c r="D203" s="589"/>
      <c r="E203" s="590"/>
      <c r="F203" s="334" t="s">
        <v>107</v>
      </c>
      <c r="G203" s="335"/>
      <c r="H203" s="335"/>
      <c r="I203" s="335"/>
      <c r="J203" s="335"/>
      <c r="K203" s="335"/>
      <c r="L203" s="335"/>
      <c r="M203" s="335"/>
      <c r="N203" s="335"/>
      <c r="O203" s="335"/>
      <c r="P203" s="335"/>
      <c r="Q203" s="335"/>
      <c r="R203" s="335"/>
      <c r="S203" s="336"/>
      <c r="T203" s="287" t="s">
        <v>525</v>
      </c>
      <c r="U203" s="480"/>
      <c r="V203" s="480"/>
      <c r="W203" s="480"/>
      <c r="X203" s="480"/>
      <c r="Y203" s="480"/>
      <c r="Z203" s="480"/>
      <c r="AA203" s="480"/>
      <c r="AB203" s="480"/>
      <c r="AC203" s="480"/>
      <c r="AD203" s="480"/>
      <c r="AE203" s="480"/>
      <c r="AF203" s="480"/>
      <c r="AG203" s="503"/>
    </row>
    <row r="204" spans="1:33" s="34" customFormat="1" ht="15.95" customHeight="1" x14ac:dyDescent="0.15">
      <c r="A204" s="544" t="s">
        <v>108</v>
      </c>
      <c r="B204" s="545"/>
      <c r="C204" s="545"/>
      <c r="D204" s="545"/>
      <c r="E204" s="546"/>
      <c r="F204" s="196" t="s">
        <v>109</v>
      </c>
      <c r="G204" s="197"/>
      <c r="H204" s="197"/>
      <c r="I204" s="197"/>
      <c r="J204" s="197"/>
      <c r="K204" s="197"/>
      <c r="L204" s="710"/>
      <c r="M204" s="196" t="s">
        <v>110</v>
      </c>
      <c r="N204" s="197"/>
      <c r="O204" s="197"/>
      <c r="P204" s="197"/>
      <c r="Q204" s="197"/>
      <c r="R204" s="197"/>
      <c r="S204" s="710"/>
      <c r="T204" s="196" t="s">
        <v>109</v>
      </c>
      <c r="U204" s="197"/>
      <c r="V204" s="197"/>
      <c r="W204" s="197"/>
      <c r="X204" s="197"/>
      <c r="Y204" s="197"/>
      <c r="Z204" s="710"/>
      <c r="AA204" s="196" t="s">
        <v>111</v>
      </c>
      <c r="AB204" s="197"/>
      <c r="AC204" s="197"/>
      <c r="AD204" s="197"/>
      <c r="AE204" s="197"/>
      <c r="AF204" s="197"/>
      <c r="AG204" s="198"/>
    </row>
    <row r="205" spans="1:33" s="34" customFormat="1" ht="15.95" customHeight="1" x14ac:dyDescent="0.15">
      <c r="A205" s="547">
        <v>4</v>
      </c>
      <c r="B205" s="548"/>
      <c r="C205" s="548"/>
      <c r="D205" s="548"/>
      <c r="E205" s="549"/>
      <c r="F205" s="715">
        <v>56</v>
      </c>
      <c r="G205" s="341"/>
      <c r="H205" s="341"/>
      <c r="I205" s="341"/>
      <c r="J205" s="341"/>
      <c r="K205" s="341"/>
      <c r="L205" s="341"/>
      <c r="M205" s="341">
        <v>227</v>
      </c>
      <c r="N205" s="341"/>
      <c r="O205" s="341"/>
      <c r="P205" s="341"/>
      <c r="Q205" s="341"/>
      <c r="R205" s="341"/>
      <c r="S205" s="341"/>
      <c r="T205" s="341">
        <v>203</v>
      </c>
      <c r="U205" s="341"/>
      <c r="V205" s="341"/>
      <c r="W205" s="341"/>
      <c r="X205" s="341"/>
      <c r="Y205" s="341"/>
      <c r="Z205" s="341"/>
      <c r="AA205" s="341">
        <v>728</v>
      </c>
      <c r="AB205" s="341"/>
      <c r="AC205" s="341"/>
      <c r="AD205" s="341"/>
      <c r="AE205" s="341"/>
      <c r="AF205" s="341"/>
      <c r="AG205" s="342"/>
    </row>
    <row r="206" spans="1:33" s="34" customFormat="1" ht="15.95" customHeight="1" x14ac:dyDescent="0.15">
      <c r="A206" s="528">
        <v>5</v>
      </c>
      <c r="B206" s="529"/>
      <c r="C206" s="529"/>
      <c r="D206" s="529"/>
      <c r="E206" s="530"/>
      <c r="F206" s="263">
        <v>32</v>
      </c>
      <c r="G206" s="168"/>
      <c r="H206" s="168"/>
      <c r="I206" s="168"/>
      <c r="J206" s="168"/>
      <c r="K206" s="168"/>
      <c r="L206" s="168"/>
      <c r="M206" s="168">
        <v>109</v>
      </c>
      <c r="N206" s="168"/>
      <c r="O206" s="168"/>
      <c r="P206" s="168"/>
      <c r="Q206" s="168"/>
      <c r="R206" s="168"/>
      <c r="S206" s="168"/>
      <c r="T206" s="168">
        <v>202</v>
      </c>
      <c r="U206" s="168"/>
      <c r="V206" s="168"/>
      <c r="W206" s="168"/>
      <c r="X206" s="168"/>
      <c r="Y206" s="168"/>
      <c r="Z206" s="168"/>
      <c r="AA206" s="168">
        <v>1307</v>
      </c>
      <c r="AB206" s="168"/>
      <c r="AC206" s="168"/>
      <c r="AD206" s="168"/>
      <c r="AE206" s="168"/>
      <c r="AF206" s="168"/>
      <c r="AG206" s="200"/>
    </row>
    <row r="207" spans="1:33" s="34" customFormat="1" ht="15.95" customHeight="1" x14ac:dyDescent="0.15">
      <c r="A207" s="550">
        <v>6</v>
      </c>
      <c r="B207" s="551"/>
      <c r="C207" s="551"/>
      <c r="D207" s="551"/>
      <c r="E207" s="552"/>
      <c r="F207" s="724">
        <v>39</v>
      </c>
      <c r="G207" s="259"/>
      <c r="H207" s="259"/>
      <c r="I207" s="259"/>
      <c r="J207" s="259"/>
      <c r="K207" s="259"/>
      <c r="L207" s="259"/>
      <c r="M207" s="259">
        <v>381</v>
      </c>
      <c r="N207" s="259"/>
      <c r="O207" s="259"/>
      <c r="P207" s="259"/>
      <c r="Q207" s="259"/>
      <c r="R207" s="259"/>
      <c r="S207" s="259"/>
      <c r="T207" s="259">
        <v>203</v>
      </c>
      <c r="U207" s="259"/>
      <c r="V207" s="259"/>
      <c r="W207" s="259"/>
      <c r="X207" s="259"/>
      <c r="Y207" s="259"/>
      <c r="Z207" s="259"/>
      <c r="AA207" s="259">
        <v>1363</v>
      </c>
      <c r="AB207" s="259"/>
      <c r="AC207" s="259"/>
      <c r="AD207" s="259"/>
      <c r="AE207" s="259"/>
      <c r="AF207" s="259"/>
      <c r="AG207" s="339"/>
    </row>
    <row r="208" spans="1:33" s="34" customFormat="1" ht="15.95" customHeight="1" x14ac:dyDescent="0.15">
      <c r="A208" s="8" t="s">
        <v>235</v>
      </c>
      <c r="B208" s="84"/>
      <c r="C208" s="84"/>
      <c r="D208" s="84"/>
      <c r="E208" s="84"/>
      <c r="F208" s="82"/>
      <c r="G208" s="82"/>
      <c r="H208" s="82"/>
      <c r="I208" s="82"/>
      <c r="J208" s="82"/>
      <c r="K208" s="82"/>
      <c r="L208" s="82"/>
      <c r="M208" s="82"/>
      <c r="N208" s="82"/>
      <c r="O208" s="82"/>
      <c r="P208" s="82"/>
      <c r="Q208" s="82"/>
      <c r="R208" s="82"/>
      <c r="S208" s="82"/>
      <c r="T208" s="82"/>
      <c r="U208" s="82"/>
      <c r="V208" s="82"/>
      <c r="W208" s="82"/>
      <c r="X208" s="82"/>
      <c r="Y208" s="82"/>
      <c r="Z208" s="82"/>
      <c r="AA208" s="82"/>
      <c r="AB208" s="82"/>
      <c r="AC208" s="82"/>
      <c r="AD208" s="82"/>
      <c r="AE208" s="82"/>
      <c r="AF208" s="82"/>
      <c r="AG208" s="82"/>
    </row>
    <row r="209" spans="1:33" s="34" customFormat="1" ht="15.95" customHeight="1" x14ac:dyDescent="0.15">
      <c r="A209" s="8" t="s">
        <v>526</v>
      </c>
      <c r="B209" s="84"/>
      <c r="C209" s="84"/>
      <c r="D209" s="84"/>
      <c r="E209" s="84"/>
      <c r="F209" s="82"/>
      <c r="G209" s="82"/>
      <c r="H209" s="82"/>
      <c r="I209" s="82"/>
      <c r="J209" s="82"/>
      <c r="K209" s="82"/>
      <c r="L209" s="82"/>
      <c r="M209" s="82"/>
      <c r="N209" s="82"/>
      <c r="O209" s="82"/>
      <c r="P209" s="82"/>
      <c r="Q209" s="82"/>
      <c r="R209" s="82"/>
      <c r="S209" s="82"/>
      <c r="T209" s="82"/>
      <c r="U209" s="82"/>
      <c r="V209" s="82"/>
      <c r="W209" s="82"/>
      <c r="X209" s="82"/>
      <c r="Y209" s="82"/>
      <c r="Z209" s="82"/>
      <c r="AA209" s="82"/>
      <c r="AB209" s="82"/>
      <c r="AC209" s="82"/>
      <c r="AD209" s="82"/>
      <c r="AE209" s="82"/>
      <c r="AF209" s="82"/>
      <c r="AG209" s="82"/>
    </row>
    <row r="210" spans="1:33" s="34" customFormat="1" ht="15.95" customHeight="1" x14ac:dyDescent="0.15">
      <c r="A210" s="8" t="s">
        <v>527</v>
      </c>
      <c r="B210" s="84"/>
      <c r="C210" s="84"/>
      <c r="D210" s="84"/>
      <c r="E210" s="84"/>
      <c r="F210" s="82"/>
      <c r="G210" s="82"/>
      <c r="H210" s="82"/>
      <c r="I210" s="82"/>
      <c r="J210" s="82"/>
      <c r="K210" s="82"/>
      <c r="L210" s="82"/>
      <c r="M210" s="82"/>
      <c r="N210" s="82"/>
      <c r="O210" s="82"/>
      <c r="P210" s="82"/>
      <c r="Q210" s="82"/>
      <c r="R210" s="82"/>
      <c r="S210" s="82"/>
      <c r="T210" s="82"/>
      <c r="U210" s="82"/>
      <c r="V210" s="82"/>
      <c r="W210" s="82"/>
      <c r="X210" s="82"/>
      <c r="Y210" s="82"/>
      <c r="Z210" s="82"/>
      <c r="AA210" s="82"/>
      <c r="AB210" s="82"/>
      <c r="AC210" s="82"/>
      <c r="AD210" s="82"/>
      <c r="AE210" s="82"/>
      <c r="AF210" s="82"/>
      <c r="AG210" s="82"/>
    </row>
    <row r="211" spans="1:33" s="34" customFormat="1" ht="13.5" customHeight="1" x14ac:dyDescent="0.15">
      <c r="B211" s="2"/>
      <c r="C211" s="2"/>
      <c r="D211" s="2"/>
      <c r="E211" s="2"/>
      <c r="F211" s="2"/>
      <c r="G211" s="2"/>
      <c r="H211" s="2"/>
      <c r="I211" s="2"/>
      <c r="J211" s="2"/>
      <c r="K211" s="2"/>
      <c r="L211" s="2"/>
      <c r="M211" s="2"/>
      <c r="N211" s="2"/>
      <c r="O211" s="3"/>
      <c r="P211" s="3"/>
      <c r="Q211" s="3"/>
      <c r="R211" s="3"/>
      <c r="S211" s="3"/>
      <c r="T211" s="3"/>
      <c r="U211" s="15"/>
      <c r="V211" s="15"/>
      <c r="W211" s="15"/>
      <c r="X211" s="15"/>
      <c r="Y211" s="15"/>
      <c r="Z211" s="15"/>
      <c r="AA211" s="15"/>
      <c r="AB211" s="15"/>
      <c r="AC211" s="15"/>
      <c r="AD211" s="15"/>
      <c r="AE211" s="15"/>
      <c r="AF211" s="15"/>
      <c r="AG211" s="3" t="s">
        <v>504</v>
      </c>
    </row>
    <row r="212" spans="1:33" s="1" customFormat="1" ht="20.100000000000001" customHeight="1" x14ac:dyDescent="0.15">
      <c r="A212" s="701" t="s">
        <v>85</v>
      </c>
      <c r="B212" s="701"/>
      <c r="C212" s="701"/>
      <c r="D212" s="701"/>
      <c r="E212" s="701"/>
      <c r="F212" s="701"/>
      <c r="G212" s="701"/>
      <c r="H212" s="701"/>
      <c r="I212" s="701"/>
      <c r="J212" s="701"/>
      <c r="K212" s="701"/>
      <c r="L212" s="701"/>
      <c r="M212" s="701"/>
      <c r="N212" s="701"/>
      <c r="O212" s="701"/>
      <c r="P212" s="701"/>
      <c r="Q212" s="701"/>
      <c r="R212" s="701"/>
      <c r="S212" s="701"/>
      <c r="T212" s="701"/>
      <c r="U212" s="701"/>
      <c r="V212" s="701"/>
      <c r="W212" s="701"/>
      <c r="X212" s="701"/>
      <c r="Y212" s="701"/>
      <c r="Z212" s="701"/>
      <c r="AA212" s="701"/>
      <c r="AB212" s="701"/>
      <c r="AC212" s="701"/>
      <c r="AD212" s="701"/>
      <c r="AE212" s="701"/>
      <c r="AF212" s="701"/>
    </row>
    <row r="213" spans="1:33" s="1" customFormat="1" ht="15.95" customHeight="1" x14ac:dyDescent="0.15">
      <c r="A213" s="35"/>
      <c r="B213" s="35"/>
      <c r="C213" s="35"/>
      <c r="D213" s="35"/>
      <c r="E213" s="35"/>
      <c r="F213" s="35"/>
      <c r="G213" s="35"/>
      <c r="H213" s="35"/>
      <c r="I213" s="35"/>
      <c r="J213" s="35"/>
      <c r="K213" s="35"/>
      <c r="L213" s="35"/>
      <c r="M213" s="35"/>
      <c r="N213" s="35"/>
      <c r="O213" s="35"/>
      <c r="P213" s="35"/>
      <c r="Q213" s="35"/>
      <c r="R213" s="35"/>
      <c r="S213" s="35"/>
      <c r="T213" s="35"/>
      <c r="U213" s="35"/>
      <c r="V213" s="35"/>
      <c r="W213" s="35"/>
      <c r="X213" s="35"/>
      <c r="Y213" s="35"/>
      <c r="Z213" s="35"/>
      <c r="AA213" s="35"/>
      <c r="AB213" s="35"/>
      <c r="AC213" s="35"/>
      <c r="AD213" s="35"/>
      <c r="AE213" s="35"/>
      <c r="AF213" s="35"/>
    </row>
    <row r="214" spans="1:33" s="1" customFormat="1" ht="15.95" customHeight="1" x14ac:dyDescent="0.15">
      <c r="A214" s="4" t="s">
        <v>257</v>
      </c>
    </row>
    <row r="215" spans="1:33" s="1" customFormat="1" ht="15.95" customHeight="1" x14ac:dyDescent="0.15">
      <c r="A215" s="52"/>
      <c r="B215" s="52" t="s">
        <v>608</v>
      </c>
      <c r="C215" s="52"/>
      <c r="D215" s="52"/>
      <c r="E215" s="52"/>
      <c r="F215" s="52"/>
      <c r="G215" s="52"/>
      <c r="H215" s="52"/>
      <c r="I215" s="52"/>
      <c r="J215" s="52"/>
      <c r="K215" s="52"/>
      <c r="L215" s="52"/>
      <c r="M215" s="52"/>
      <c r="N215" s="52"/>
      <c r="O215" s="52"/>
      <c r="P215" s="52"/>
      <c r="Q215" s="52"/>
      <c r="R215" s="52"/>
      <c r="S215" s="52"/>
      <c r="T215" s="52"/>
      <c r="U215" s="52"/>
      <c r="V215" s="52"/>
      <c r="W215" s="52"/>
      <c r="X215" s="52"/>
      <c r="Y215" s="52"/>
      <c r="Z215" s="52"/>
      <c r="AA215" s="52"/>
      <c r="AB215" s="52"/>
      <c r="AC215" s="52"/>
      <c r="AD215" s="52"/>
      <c r="AE215" s="52"/>
      <c r="AF215" s="52"/>
      <c r="AG215" s="52"/>
    </row>
    <row r="216" spans="1:33" s="1" customFormat="1" ht="15.95" customHeight="1" x14ac:dyDescent="0.15">
      <c r="A216" s="717" t="s">
        <v>160</v>
      </c>
      <c r="B216" s="160"/>
      <c r="C216" s="160"/>
      <c r="D216" s="160"/>
      <c r="E216" s="160"/>
      <c r="F216" s="160"/>
      <c r="G216" s="160"/>
      <c r="H216" s="160"/>
      <c r="I216" s="160"/>
      <c r="J216" s="160"/>
      <c r="K216" s="160"/>
      <c r="L216" s="160"/>
      <c r="M216" s="160"/>
      <c r="N216" s="160"/>
      <c r="O216" s="160"/>
      <c r="P216" s="160"/>
      <c r="Q216" s="161"/>
      <c r="R216" s="199" t="s">
        <v>161</v>
      </c>
      <c r="S216" s="254"/>
      <c r="T216" s="254"/>
      <c r="U216" s="255"/>
      <c r="V216" s="199" t="s">
        <v>162</v>
      </c>
      <c r="W216" s="254"/>
      <c r="X216" s="254"/>
      <c r="Y216" s="255"/>
      <c r="Z216" s="199" t="s">
        <v>86</v>
      </c>
      <c r="AA216" s="254"/>
      <c r="AB216" s="254"/>
      <c r="AC216" s="255"/>
      <c r="AD216" s="159" t="s">
        <v>87</v>
      </c>
      <c r="AE216" s="160"/>
      <c r="AF216" s="160"/>
      <c r="AG216" s="199"/>
    </row>
    <row r="217" spans="1:33" s="36" customFormat="1" ht="15.95" customHeight="1" x14ac:dyDescent="0.15">
      <c r="A217" s="959" t="s">
        <v>276</v>
      </c>
      <c r="B217" s="315"/>
      <c r="C217" s="315"/>
      <c r="D217" s="315"/>
      <c r="E217" s="315"/>
      <c r="F217" s="905" t="s">
        <v>14</v>
      </c>
      <c r="G217" s="905"/>
      <c r="H217" s="905"/>
      <c r="I217" s="905"/>
      <c r="J217" s="905"/>
      <c r="K217" s="905"/>
      <c r="L217" s="905"/>
      <c r="M217" s="905"/>
      <c r="N217" s="905"/>
      <c r="O217" s="905"/>
      <c r="P217" s="905"/>
      <c r="Q217" s="906"/>
      <c r="R217" s="158" t="s">
        <v>469</v>
      </c>
      <c r="S217" s="158"/>
      <c r="T217" s="158"/>
      <c r="U217" s="158"/>
      <c r="V217" s="315" t="s">
        <v>277</v>
      </c>
      <c r="W217" s="315"/>
      <c r="X217" s="315"/>
      <c r="Y217" s="315"/>
      <c r="Z217" s="315" t="s">
        <v>104</v>
      </c>
      <c r="AA217" s="315"/>
      <c r="AB217" s="315"/>
      <c r="AC217" s="344"/>
      <c r="AD217" s="337" t="s">
        <v>528</v>
      </c>
      <c r="AE217" s="315"/>
      <c r="AF217" s="315"/>
      <c r="AG217" s="338"/>
    </row>
    <row r="218" spans="1:33" s="1" customFormat="1" ht="13.5" customHeight="1" x14ac:dyDescent="0.15">
      <c r="A218" s="167" t="s">
        <v>278</v>
      </c>
      <c r="B218" s="158"/>
      <c r="C218" s="158"/>
      <c r="D218" s="158"/>
      <c r="E218" s="158"/>
      <c r="F218" s="162" t="s">
        <v>279</v>
      </c>
      <c r="G218" s="162"/>
      <c r="H218" s="162"/>
      <c r="I218" s="162"/>
      <c r="J218" s="162"/>
      <c r="K218" s="162"/>
      <c r="L218" s="162"/>
      <c r="M218" s="162"/>
      <c r="N218" s="162"/>
      <c r="O218" s="162"/>
      <c r="P218" s="162"/>
      <c r="Q218" s="163"/>
      <c r="R218" s="158" t="s">
        <v>280</v>
      </c>
      <c r="S218" s="158"/>
      <c r="T218" s="158"/>
      <c r="U218" s="158"/>
      <c r="V218" s="158" t="s">
        <v>281</v>
      </c>
      <c r="W218" s="158" t="s">
        <v>281</v>
      </c>
      <c r="X218" s="158"/>
      <c r="Y218" s="158"/>
      <c r="Z218" s="158" t="s">
        <v>103</v>
      </c>
      <c r="AA218" s="158"/>
      <c r="AB218" s="158"/>
      <c r="AC218" s="164"/>
      <c r="AD218" s="165" t="s">
        <v>282</v>
      </c>
      <c r="AE218" s="158"/>
      <c r="AF218" s="158"/>
      <c r="AG218" s="166"/>
    </row>
    <row r="219" spans="1:33" s="1" customFormat="1" ht="15.75" customHeight="1" x14ac:dyDescent="0.15">
      <c r="A219" s="167" t="s">
        <v>278</v>
      </c>
      <c r="B219" s="158"/>
      <c r="C219" s="158"/>
      <c r="D219" s="158"/>
      <c r="E219" s="158"/>
      <c r="F219" s="162" t="s">
        <v>283</v>
      </c>
      <c r="G219" s="162"/>
      <c r="H219" s="162"/>
      <c r="I219" s="162"/>
      <c r="J219" s="162"/>
      <c r="K219" s="162"/>
      <c r="L219" s="162"/>
      <c r="M219" s="162"/>
      <c r="N219" s="162"/>
      <c r="O219" s="162"/>
      <c r="P219" s="162"/>
      <c r="Q219" s="163"/>
      <c r="R219" s="158" t="s">
        <v>284</v>
      </c>
      <c r="S219" s="158"/>
      <c r="T219" s="158"/>
      <c r="U219" s="158"/>
      <c r="V219" s="158" t="s">
        <v>281</v>
      </c>
      <c r="W219" s="158" t="s">
        <v>281</v>
      </c>
      <c r="X219" s="158"/>
      <c r="Y219" s="158"/>
      <c r="Z219" s="158" t="s">
        <v>103</v>
      </c>
      <c r="AA219" s="158"/>
      <c r="AB219" s="158"/>
      <c r="AC219" s="164"/>
      <c r="AD219" s="165" t="s">
        <v>529</v>
      </c>
      <c r="AE219" s="158"/>
      <c r="AF219" s="158"/>
      <c r="AG219" s="166"/>
    </row>
    <row r="220" spans="1:33" s="1" customFormat="1" ht="15" customHeight="1" x14ac:dyDescent="0.15">
      <c r="A220" s="167" t="s">
        <v>278</v>
      </c>
      <c r="B220" s="158"/>
      <c r="C220" s="158"/>
      <c r="D220" s="158"/>
      <c r="E220" s="158"/>
      <c r="F220" s="162" t="s">
        <v>15</v>
      </c>
      <c r="G220" s="162"/>
      <c r="H220" s="162"/>
      <c r="I220" s="162"/>
      <c r="J220" s="162"/>
      <c r="K220" s="162"/>
      <c r="L220" s="162"/>
      <c r="M220" s="162"/>
      <c r="N220" s="162"/>
      <c r="O220" s="162"/>
      <c r="P220" s="162"/>
      <c r="Q220" s="163"/>
      <c r="R220" s="158" t="s">
        <v>468</v>
      </c>
      <c r="S220" s="158"/>
      <c r="T220" s="158"/>
      <c r="U220" s="158"/>
      <c r="V220" s="158" t="s">
        <v>281</v>
      </c>
      <c r="W220" s="158" t="s">
        <v>281</v>
      </c>
      <c r="X220" s="158"/>
      <c r="Y220" s="158"/>
      <c r="Z220" s="158" t="s">
        <v>103</v>
      </c>
      <c r="AA220" s="158"/>
      <c r="AB220" s="158"/>
      <c r="AC220" s="164"/>
      <c r="AD220" s="165" t="s">
        <v>285</v>
      </c>
      <c r="AE220" s="158"/>
      <c r="AF220" s="158"/>
      <c r="AG220" s="166"/>
    </row>
    <row r="221" spans="1:33" s="1" customFormat="1" ht="15" customHeight="1" x14ac:dyDescent="0.15">
      <c r="A221" s="167" t="s">
        <v>278</v>
      </c>
      <c r="B221" s="158"/>
      <c r="C221" s="158"/>
      <c r="D221" s="158"/>
      <c r="E221" s="158"/>
      <c r="F221" s="162" t="s">
        <v>462</v>
      </c>
      <c r="G221" s="162"/>
      <c r="H221" s="162"/>
      <c r="I221" s="162"/>
      <c r="J221" s="162"/>
      <c r="K221" s="162"/>
      <c r="L221" s="162"/>
      <c r="M221" s="162"/>
      <c r="N221" s="162"/>
      <c r="O221" s="162"/>
      <c r="P221" s="162"/>
      <c r="Q221" s="163"/>
      <c r="R221" s="158" t="s">
        <v>466</v>
      </c>
      <c r="S221" s="158"/>
      <c r="T221" s="158"/>
      <c r="U221" s="158"/>
      <c r="V221" s="158" t="s">
        <v>281</v>
      </c>
      <c r="W221" s="158" t="s">
        <v>281</v>
      </c>
      <c r="X221" s="158"/>
      <c r="Y221" s="158"/>
      <c r="Z221" s="158" t="s">
        <v>103</v>
      </c>
      <c r="AA221" s="158"/>
      <c r="AB221" s="158"/>
      <c r="AC221" s="164"/>
      <c r="AD221" s="165" t="s">
        <v>286</v>
      </c>
      <c r="AE221" s="158"/>
      <c r="AF221" s="158"/>
      <c r="AG221" s="166"/>
    </row>
    <row r="222" spans="1:33" s="1" customFormat="1" ht="15.75" customHeight="1" x14ac:dyDescent="0.15">
      <c r="A222" s="167" t="s">
        <v>278</v>
      </c>
      <c r="B222" s="158"/>
      <c r="C222" s="158"/>
      <c r="D222" s="158"/>
      <c r="E222" s="158"/>
      <c r="F222" s="204" t="s">
        <v>287</v>
      </c>
      <c r="G222" s="204"/>
      <c r="H222" s="204"/>
      <c r="I222" s="204"/>
      <c r="J222" s="204"/>
      <c r="K222" s="204"/>
      <c r="L222" s="204"/>
      <c r="M222" s="204"/>
      <c r="N222" s="204"/>
      <c r="O222" s="204"/>
      <c r="P222" s="204"/>
      <c r="Q222" s="205"/>
      <c r="R222" s="165" t="s">
        <v>280</v>
      </c>
      <c r="S222" s="158"/>
      <c r="T222" s="158"/>
      <c r="U222" s="158"/>
      <c r="V222" s="158" t="s">
        <v>530</v>
      </c>
      <c r="W222" s="158"/>
      <c r="X222" s="158"/>
      <c r="Y222" s="158"/>
      <c r="Z222" s="158" t="s">
        <v>103</v>
      </c>
      <c r="AA222" s="158"/>
      <c r="AB222" s="158"/>
      <c r="AC222" s="164"/>
      <c r="AD222" s="165" t="s">
        <v>289</v>
      </c>
      <c r="AE222" s="158"/>
      <c r="AF222" s="158"/>
      <c r="AG222" s="166"/>
    </row>
    <row r="223" spans="1:33" s="52" customFormat="1" ht="15.95" customHeight="1" x14ac:dyDescent="0.15">
      <c r="A223" s="167" t="s">
        <v>278</v>
      </c>
      <c r="B223" s="158"/>
      <c r="C223" s="158"/>
      <c r="D223" s="158"/>
      <c r="E223" s="158"/>
      <c r="F223" s="162" t="s">
        <v>290</v>
      </c>
      <c r="G223" s="162"/>
      <c r="H223" s="162"/>
      <c r="I223" s="162"/>
      <c r="J223" s="162"/>
      <c r="K223" s="162"/>
      <c r="L223" s="162"/>
      <c r="M223" s="162"/>
      <c r="N223" s="162"/>
      <c r="O223" s="162"/>
      <c r="P223" s="162"/>
      <c r="Q223" s="163"/>
      <c r="R223" s="158" t="s">
        <v>467</v>
      </c>
      <c r="S223" s="158"/>
      <c r="T223" s="158"/>
      <c r="U223" s="158"/>
      <c r="V223" s="158" t="s">
        <v>291</v>
      </c>
      <c r="W223" s="158" t="s">
        <v>291</v>
      </c>
      <c r="X223" s="158"/>
      <c r="Y223" s="158"/>
      <c r="Z223" s="158" t="s">
        <v>292</v>
      </c>
      <c r="AA223" s="158"/>
      <c r="AB223" s="158"/>
      <c r="AC223" s="164"/>
      <c r="AD223" s="165" t="s">
        <v>531</v>
      </c>
      <c r="AE223" s="158"/>
      <c r="AF223" s="158"/>
      <c r="AG223" s="166"/>
    </row>
    <row r="224" spans="1:33" s="1" customFormat="1" ht="15.95" customHeight="1" x14ac:dyDescent="0.15">
      <c r="A224" s="167" t="s">
        <v>278</v>
      </c>
      <c r="B224" s="158"/>
      <c r="C224" s="158"/>
      <c r="D224" s="158"/>
      <c r="E224" s="158"/>
      <c r="F224" s="162" t="s">
        <v>293</v>
      </c>
      <c r="G224" s="162"/>
      <c r="H224" s="162"/>
      <c r="I224" s="162"/>
      <c r="J224" s="162"/>
      <c r="K224" s="162"/>
      <c r="L224" s="162"/>
      <c r="M224" s="162"/>
      <c r="N224" s="162"/>
      <c r="O224" s="162"/>
      <c r="P224" s="162"/>
      <c r="Q224" s="163"/>
      <c r="R224" s="158" t="s">
        <v>284</v>
      </c>
      <c r="S224" s="158"/>
      <c r="T224" s="158"/>
      <c r="U224" s="158"/>
      <c r="V224" s="158" t="s">
        <v>294</v>
      </c>
      <c r="W224" s="158" t="s">
        <v>294</v>
      </c>
      <c r="X224" s="158"/>
      <c r="Y224" s="158"/>
      <c r="Z224" s="158" t="s">
        <v>295</v>
      </c>
      <c r="AA224" s="158"/>
      <c r="AB224" s="158"/>
      <c r="AC224" s="164"/>
      <c r="AD224" s="165" t="s">
        <v>532</v>
      </c>
      <c r="AE224" s="158"/>
      <c r="AF224" s="158"/>
      <c r="AG224" s="166"/>
    </row>
    <row r="225" spans="1:34" s="52" customFormat="1" ht="14.85" customHeight="1" x14ac:dyDescent="0.15">
      <c r="A225" s="167" t="s">
        <v>278</v>
      </c>
      <c r="B225" s="158"/>
      <c r="C225" s="158"/>
      <c r="D225" s="158"/>
      <c r="E225" s="158"/>
      <c r="F225" s="162" t="s">
        <v>296</v>
      </c>
      <c r="G225" s="162"/>
      <c r="H225" s="162"/>
      <c r="I225" s="162"/>
      <c r="J225" s="162"/>
      <c r="K225" s="162"/>
      <c r="L225" s="162"/>
      <c r="M225" s="162"/>
      <c r="N225" s="162"/>
      <c r="O225" s="162"/>
      <c r="P225" s="162"/>
      <c r="Q225" s="163"/>
      <c r="R225" s="158" t="s">
        <v>280</v>
      </c>
      <c r="S225" s="158"/>
      <c r="T225" s="158"/>
      <c r="U225" s="158"/>
      <c r="V225" s="158" t="s">
        <v>297</v>
      </c>
      <c r="W225" s="158" t="s">
        <v>297</v>
      </c>
      <c r="X225" s="158"/>
      <c r="Y225" s="158"/>
      <c r="Z225" s="158" t="s">
        <v>298</v>
      </c>
      <c r="AA225" s="158"/>
      <c r="AB225" s="158"/>
      <c r="AC225" s="164"/>
      <c r="AD225" s="165" t="s">
        <v>299</v>
      </c>
      <c r="AE225" s="158"/>
      <c r="AF225" s="158"/>
      <c r="AG225" s="166"/>
      <c r="AH225" s="1"/>
    </row>
    <row r="226" spans="1:34" s="52" customFormat="1" ht="14.85" customHeight="1" x14ac:dyDescent="0.15">
      <c r="A226" s="167" t="s">
        <v>278</v>
      </c>
      <c r="B226" s="158"/>
      <c r="C226" s="158"/>
      <c r="D226" s="158"/>
      <c r="E226" s="158"/>
      <c r="F226" s="162" t="s">
        <v>300</v>
      </c>
      <c r="G226" s="162"/>
      <c r="H226" s="162"/>
      <c r="I226" s="162"/>
      <c r="J226" s="162"/>
      <c r="K226" s="162"/>
      <c r="L226" s="162"/>
      <c r="M226" s="162"/>
      <c r="N226" s="162"/>
      <c r="O226" s="162"/>
      <c r="P226" s="162"/>
      <c r="Q226" s="163"/>
      <c r="R226" s="158" t="s">
        <v>280</v>
      </c>
      <c r="S226" s="158"/>
      <c r="T226" s="158"/>
      <c r="U226" s="158"/>
      <c r="V226" s="158" t="s">
        <v>281</v>
      </c>
      <c r="W226" s="158" t="s">
        <v>281</v>
      </c>
      <c r="X226" s="158"/>
      <c r="Y226" s="158"/>
      <c r="Z226" s="158" t="s">
        <v>301</v>
      </c>
      <c r="AA226" s="158"/>
      <c r="AB226" s="158"/>
      <c r="AC226" s="164"/>
      <c r="AD226" s="165" t="s">
        <v>299</v>
      </c>
      <c r="AE226" s="158"/>
      <c r="AF226" s="158"/>
      <c r="AG226" s="166"/>
      <c r="AH226" s="1"/>
    </row>
    <row r="227" spans="1:34" s="52" customFormat="1" ht="14.85" customHeight="1" x14ac:dyDescent="0.15">
      <c r="A227" s="167" t="s">
        <v>278</v>
      </c>
      <c r="B227" s="158"/>
      <c r="C227" s="158"/>
      <c r="D227" s="158"/>
      <c r="E227" s="158"/>
      <c r="F227" s="162" t="s">
        <v>302</v>
      </c>
      <c r="G227" s="162"/>
      <c r="H227" s="162"/>
      <c r="I227" s="162"/>
      <c r="J227" s="162"/>
      <c r="K227" s="162"/>
      <c r="L227" s="162"/>
      <c r="M227" s="162"/>
      <c r="N227" s="162"/>
      <c r="O227" s="162"/>
      <c r="P227" s="162"/>
      <c r="Q227" s="163"/>
      <c r="R227" s="158" t="s">
        <v>280</v>
      </c>
      <c r="S227" s="158"/>
      <c r="T227" s="158"/>
      <c r="U227" s="158"/>
      <c r="V227" s="158" t="s">
        <v>303</v>
      </c>
      <c r="W227" s="158" t="s">
        <v>303</v>
      </c>
      <c r="X227" s="158"/>
      <c r="Y227" s="158"/>
      <c r="Z227" s="158" t="s">
        <v>304</v>
      </c>
      <c r="AA227" s="158"/>
      <c r="AB227" s="158"/>
      <c r="AC227" s="164"/>
      <c r="AD227" s="165" t="s">
        <v>305</v>
      </c>
      <c r="AE227" s="158"/>
      <c r="AF227" s="158"/>
      <c r="AG227" s="166"/>
      <c r="AH227" s="1"/>
    </row>
    <row r="228" spans="1:34" s="52" customFormat="1" ht="14.85" customHeight="1" x14ac:dyDescent="0.15">
      <c r="A228" s="167" t="s">
        <v>306</v>
      </c>
      <c r="B228" s="158"/>
      <c r="C228" s="158"/>
      <c r="D228" s="158"/>
      <c r="E228" s="158"/>
      <c r="F228" s="162" t="s">
        <v>16</v>
      </c>
      <c r="G228" s="162"/>
      <c r="H228" s="162"/>
      <c r="I228" s="162"/>
      <c r="J228" s="162"/>
      <c r="K228" s="162"/>
      <c r="L228" s="162"/>
      <c r="M228" s="162"/>
      <c r="N228" s="162"/>
      <c r="O228" s="162"/>
      <c r="P228" s="162"/>
      <c r="Q228" s="163"/>
      <c r="R228" s="158" t="s">
        <v>467</v>
      </c>
      <c r="S228" s="158"/>
      <c r="T228" s="158"/>
      <c r="U228" s="158"/>
      <c r="V228" s="158" t="s">
        <v>281</v>
      </c>
      <c r="W228" s="158" t="s">
        <v>281</v>
      </c>
      <c r="X228" s="158"/>
      <c r="Y228" s="158"/>
      <c r="Z228" s="158" t="s">
        <v>301</v>
      </c>
      <c r="AA228" s="158"/>
      <c r="AB228" s="158"/>
      <c r="AC228" s="164"/>
      <c r="AD228" s="165" t="s">
        <v>307</v>
      </c>
      <c r="AE228" s="158"/>
      <c r="AF228" s="158"/>
      <c r="AG228" s="166"/>
      <c r="AH228" s="1"/>
    </row>
    <row r="229" spans="1:34" s="52" customFormat="1" ht="14.85" customHeight="1" x14ac:dyDescent="0.15">
      <c r="A229" s="167" t="s">
        <v>306</v>
      </c>
      <c r="B229" s="158"/>
      <c r="C229" s="158"/>
      <c r="D229" s="158"/>
      <c r="E229" s="158"/>
      <c r="F229" s="162" t="s">
        <v>17</v>
      </c>
      <c r="G229" s="162"/>
      <c r="H229" s="162"/>
      <c r="I229" s="162"/>
      <c r="J229" s="162"/>
      <c r="K229" s="162"/>
      <c r="L229" s="162"/>
      <c r="M229" s="162"/>
      <c r="N229" s="162"/>
      <c r="O229" s="162"/>
      <c r="P229" s="162"/>
      <c r="Q229" s="163"/>
      <c r="R229" s="158" t="s">
        <v>470</v>
      </c>
      <c r="S229" s="158"/>
      <c r="T229" s="158"/>
      <c r="U229" s="158"/>
      <c r="V229" s="158" t="s">
        <v>281</v>
      </c>
      <c r="W229" s="158" t="s">
        <v>281</v>
      </c>
      <c r="X229" s="158"/>
      <c r="Y229" s="158"/>
      <c r="Z229" s="158" t="s">
        <v>308</v>
      </c>
      <c r="AA229" s="158"/>
      <c r="AB229" s="158"/>
      <c r="AC229" s="164"/>
      <c r="AD229" s="165" t="s">
        <v>533</v>
      </c>
      <c r="AE229" s="158"/>
      <c r="AF229" s="158"/>
      <c r="AG229" s="166"/>
      <c r="AH229" s="1"/>
    </row>
    <row r="230" spans="1:34" s="52" customFormat="1" ht="14.85" customHeight="1" x14ac:dyDescent="0.15">
      <c r="A230" s="167" t="s">
        <v>309</v>
      </c>
      <c r="B230" s="158"/>
      <c r="C230" s="158"/>
      <c r="D230" s="158"/>
      <c r="E230" s="158"/>
      <c r="F230" s="162" t="s">
        <v>18</v>
      </c>
      <c r="G230" s="162"/>
      <c r="H230" s="162"/>
      <c r="I230" s="162"/>
      <c r="J230" s="162"/>
      <c r="K230" s="162"/>
      <c r="L230" s="162"/>
      <c r="M230" s="162"/>
      <c r="N230" s="162"/>
      <c r="O230" s="162"/>
      <c r="P230" s="162"/>
      <c r="Q230" s="163"/>
      <c r="R230" s="158" t="s">
        <v>310</v>
      </c>
      <c r="S230" s="158"/>
      <c r="T230" s="158"/>
      <c r="U230" s="158"/>
      <c r="V230" s="158" t="s">
        <v>311</v>
      </c>
      <c r="W230" s="158" t="s">
        <v>281</v>
      </c>
      <c r="X230" s="158"/>
      <c r="Y230" s="158"/>
      <c r="Z230" s="158" t="s">
        <v>103</v>
      </c>
      <c r="AA230" s="158"/>
      <c r="AB230" s="158"/>
      <c r="AC230" s="164"/>
      <c r="AD230" s="165" t="s">
        <v>534</v>
      </c>
      <c r="AE230" s="158"/>
      <c r="AF230" s="158"/>
      <c r="AG230" s="166"/>
      <c r="AH230" s="1"/>
    </row>
    <row r="231" spans="1:34" s="52" customFormat="1" ht="41.25" customHeight="1" x14ac:dyDescent="0.15">
      <c r="A231" s="167" t="s">
        <v>312</v>
      </c>
      <c r="B231" s="158"/>
      <c r="C231" s="158"/>
      <c r="D231" s="158"/>
      <c r="E231" s="158"/>
      <c r="F231" s="171" t="s">
        <v>535</v>
      </c>
      <c r="G231" s="171"/>
      <c r="H231" s="171"/>
      <c r="I231" s="171"/>
      <c r="J231" s="171"/>
      <c r="K231" s="171"/>
      <c r="L231" s="171"/>
      <c r="M231" s="171"/>
      <c r="N231" s="171"/>
      <c r="O231" s="171"/>
      <c r="P231" s="171"/>
      <c r="Q231" s="172"/>
      <c r="R231" s="201" t="s">
        <v>536</v>
      </c>
      <c r="S231" s="201"/>
      <c r="T231" s="201"/>
      <c r="U231" s="201"/>
      <c r="V231" s="158" t="s">
        <v>537</v>
      </c>
      <c r="W231" s="158" t="s">
        <v>313</v>
      </c>
      <c r="X231" s="158"/>
      <c r="Y231" s="158"/>
      <c r="Z231" s="201" t="s">
        <v>538</v>
      </c>
      <c r="AA231" s="158"/>
      <c r="AB231" s="158"/>
      <c r="AC231" s="164"/>
      <c r="AD231" s="329" t="s">
        <v>539</v>
      </c>
      <c r="AE231" s="158"/>
      <c r="AF231" s="158"/>
      <c r="AG231" s="166"/>
      <c r="AH231" s="1"/>
    </row>
    <row r="232" spans="1:34" s="52" customFormat="1" ht="14.85" customHeight="1" x14ac:dyDescent="0.15">
      <c r="A232" s="167" t="s">
        <v>314</v>
      </c>
      <c r="B232" s="158"/>
      <c r="C232" s="158"/>
      <c r="D232" s="158"/>
      <c r="E232" s="158"/>
      <c r="F232" s="162" t="s">
        <v>19</v>
      </c>
      <c r="G232" s="162"/>
      <c r="H232" s="162"/>
      <c r="I232" s="162"/>
      <c r="J232" s="162"/>
      <c r="K232" s="162"/>
      <c r="L232" s="162"/>
      <c r="M232" s="162"/>
      <c r="N232" s="162"/>
      <c r="O232" s="162"/>
      <c r="P232" s="162"/>
      <c r="Q232" s="163"/>
      <c r="R232" s="158" t="s">
        <v>284</v>
      </c>
      <c r="S232" s="158"/>
      <c r="T232" s="158"/>
      <c r="U232" s="158"/>
      <c r="V232" s="158" t="s">
        <v>294</v>
      </c>
      <c r="W232" s="158" t="s">
        <v>294</v>
      </c>
      <c r="X232" s="158"/>
      <c r="Y232" s="158"/>
      <c r="Z232" s="158" t="s">
        <v>308</v>
      </c>
      <c r="AA232" s="158"/>
      <c r="AB232" s="158"/>
      <c r="AC232" s="164"/>
      <c r="AD232" s="165" t="s">
        <v>315</v>
      </c>
      <c r="AE232" s="158"/>
      <c r="AF232" s="158"/>
      <c r="AG232" s="166"/>
      <c r="AH232" s="1"/>
    </row>
    <row r="233" spans="1:34" s="52" customFormat="1" ht="14.85" customHeight="1" x14ac:dyDescent="0.15">
      <c r="A233" s="167" t="s">
        <v>314</v>
      </c>
      <c r="B233" s="158"/>
      <c r="C233" s="158"/>
      <c r="D233" s="158"/>
      <c r="E233" s="158"/>
      <c r="F233" s="162" t="s">
        <v>316</v>
      </c>
      <c r="G233" s="162"/>
      <c r="H233" s="162"/>
      <c r="I233" s="162"/>
      <c r="J233" s="162"/>
      <c r="K233" s="162"/>
      <c r="L233" s="162"/>
      <c r="M233" s="162"/>
      <c r="N233" s="162"/>
      <c r="O233" s="162"/>
      <c r="P233" s="162"/>
      <c r="Q233" s="163"/>
      <c r="R233" s="158" t="s">
        <v>280</v>
      </c>
      <c r="S233" s="158"/>
      <c r="T233" s="158"/>
      <c r="U233" s="158"/>
      <c r="V233" s="158" t="s">
        <v>530</v>
      </c>
      <c r="W233" s="158" t="s">
        <v>317</v>
      </c>
      <c r="X233" s="158"/>
      <c r="Y233" s="158"/>
      <c r="Z233" s="158" t="s">
        <v>103</v>
      </c>
      <c r="AA233" s="158"/>
      <c r="AB233" s="158"/>
      <c r="AC233" s="164"/>
      <c r="AD233" s="165" t="s">
        <v>318</v>
      </c>
      <c r="AE233" s="158"/>
      <c r="AF233" s="158"/>
      <c r="AG233" s="166"/>
      <c r="AH233" s="1"/>
    </row>
    <row r="234" spans="1:34" s="52" customFormat="1" ht="14.85" customHeight="1" x14ac:dyDescent="0.15">
      <c r="A234" s="167" t="s">
        <v>314</v>
      </c>
      <c r="B234" s="158"/>
      <c r="C234" s="158"/>
      <c r="D234" s="158"/>
      <c r="E234" s="158"/>
      <c r="F234" s="162" t="s">
        <v>319</v>
      </c>
      <c r="G234" s="162"/>
      <c r="H234" s="162"/>
      <c r="I234" s="162"/>
      <c r="J234" s="162"/>
      <c r="K234" s="162"/>
      <c r="L234" s="162"/>
      <c r="M234" s="162"/>
      <c r="N234" s="162"/>
      <c r="O234" s="162"/>
      <c r="P234" s="162"/>
      <c r="Q234" s="163"/>
      <c r="R234" s="158" t="s">
        <v>284</v>
      </c>
      <c r="S234" s="158"/>
      <c r="T234" s="158"/>
      <c r="U234" s="158"/>
      <c r="V234" s="158" t="s">
        <v>294</v>
      </c>
      <c r="W234" s="158" t="s">
        <v>294</v>
      </c>
      <c r="X234" s="158"/>
      <c r="Y234" s="158"/>
      <c r="Z234" s="158" t="s">
        <v>301</v>
      </c>
      <c r="AA234" s="158"/>
      <c r="AB234" s="158"/>
      <c r="AC234" s="164"/>
      <c r="AD234" s="165" t="s">
        <v>320</v>
      </c>
      <c r="AE234" s="158"/>
      <c r="AF234" s="158"/>
      <c r="AG234" s="166"/>
      <c r="AH234" s="1"/>
    </row>
    <row r="235" spans="1:34" s="52" customFormat="1" ht="14.85" customHeight="1" x14ac:dyDescent="0.15">
      <c r="A235" s="167" t="s">
        <v>314</v>
      </c>
      <c r="B235" s="158"/>
      <c r="C235" s="158"/>
      <c r="D235" s="158"/>
      <c r="E235" s="158"/>
      <c r="F235" s="162" t="s">
        <v>463</v>
      </c>
      <c r="G235" s="162"/>
      <c r="H235" s="162"/>
      <c r="I235" s="162"/>
      <c r="J235" s="162"/>
      <c r="K235" s="162"/>
      <c r="L235" s="162"/>
      <c r="M235" s="162"/>
      <c r="N235" s="162"/>
      <c r="O235" s="162"/>
      <c r="P235" s="162"/>
      <c r="Q235" s="163"/>
      <c r="R235" s="158" t="s">
        <v>321</v>
      </c>
      <c r="S235" s="158"/>
      <c r="T235" s="158"/>
      <c r="U235" s="158"/>
      <c r="V235" s="158" t="s">
        <v>537</v>
      </c>
      <c r="W235" s="158" t="s">
        <v>322</v>
      </c>
      <c r="X235" s="158"/>
      <c r="Y235" s="158"/>
      <c r="Z235" s="158" t="s">
        <v>323</v>
      </c>
      <c r="AA235" s="158"/>
      <c r="AB235" s="158"/>
      <c r="AC235" s="164"/>
      <c r="AD235" s="165" t="s">
        <v>540</v>
      </c>
      <c r="AE235" s="158"/>
      <c r="AF235" s="158"/>
      <c r="AG235" s="166"/>
      <c r="AH235" s="1"/>
    </row>
    <row r="236" spans="1:34" s="52" customFormat="1" ht="14.85" customHeight="1" x14ac:dyDescent="0.15">
      <c r="A236" s="167" t="s">
        <v>314</v>
      </c>
      <c r="B236" s="158"/>
      <c r="C236" s="158"/>
      <c r="D236" s="158"/>
      <c r="E236" s="158"/>
      <c r="F236" s="162" t="s">
        <v>324</v>
      </c>
      <c r="G236" s="162"/>
      <c r="H236" s="162"/>
      <c r="I236" s="162"/>
      <c r="J236" s="162"/>
      <c r="K236" s="162"/>
      <c r="L236" s="162"/>
      <c r="M236" s="162"/>
      <c r="N236" s="162"/>
      <c r="O236" s="162"/>
      <c r="P236" s="162"/>
      <c r="Q236" s="163"/>
      <c r="R236" s="158" t="s">
        <v>325</v>
      </c>
      <c r="S236" s="158"/>
      <c r="T236" s="158"/>
      <c r="U236" s="158"/>
      <c r="V236" s="158" t="s">
        <v>281</v>
      </c>
      <c r="W236" s="158" t="s">
        <v>281</v>
      </c>
      <c r="X236" s="158"/>
      <c r="Y236" s="158"/>
      <c r="Z236" s="158" t="s">
        <v>103</v>
      </c>
      <c r="AA236" s="158"/>
      <c r="AB236" s="158"/>
      <c r="AC236" s="164"/>
      <c r="AD236" s="165" t="s">
        <v>326</v>
      </c>
      <c r="AE236" s="158"/>
      <c r="AF236" s="158"/>
      <c r="AG236" s="166"/>
      <c r="AH236" s="1"/>
    </row>
    <row r="237" spans="1:34" s="52" customFormat="1" ht="14.85" customHeight="1" x14ac:dyDescent="0.15">
      <c r="A237" s="167" t="s">
        <v>314</v>
      </c>
      <c r="B237" s="158"/>
      <c r="C237" s="158"/>
      <c r="D237" s="158"/>
      <c r="E237" s="158"/>
      <c r="F237" s="162" t="s">
        <v>327</v>
      </c>
      <c r="G237" s="162"/>
      <c r="H237" s="162"/>
      <c r="I237" s="162"/>
      <c r="J237" s="162"/>
      <c r="K237" s="162"/>
      <c r="L237" s="162"/>
      <c r="M237" s="162"/>
      <c r="N237" s="162"/>
      <c r="O237" s="162"/>
      <c r="P237" s="162"/>
      <c r="Q237" s="163"/>
      <c r="R237" s="158" t="s">
        <v>328</v>
      </c>
      <c r="S237" s="158"/>
      <c r="T237" s="158"/>
      <c r="U237" s="158"/>
      <c r="V237" s="158" t="s">
        <v>541</v>
      </c>
      <c r="W237" s="158" t="s">
        <v>281</v>
      </c>
      <c r="X237" s="158"/>
      <c r="Y237" s="158"/>
      <c r="Z237" s="158" t="s">
        <v>481</v>
      </c>
      <c r="AA237" s="158"/>
      <c r="AB237" s="158"/>
      <c r="AC237" s="164"/>
      <c r="AD237" s="165" t="s">
        <v>329</v>
      </c>
      <c r="AE237" s="158"/>
      <c r="AF237" s="158"/>
      <c r="AG237" s="166"/>
      <c r="AH237" s="1"/>
    </row>
    <row r="238" spans="1:34" s="52" customFormat="1" ht="14.85" customHeight="1" x14ac:dyDescent="0.15">
      <c r="A238" s="167" t="s">
        <v>314</v>
      </c>
      <c r="B238" s="158"/>
      <c r="C238" s="158"/>
      <c r="D238" s="158"/>
      <c r="E238" s="158"/>
      <c r="F238" s="86" t="s">
        <v>330</v>
      </c>
      <c r="G238" s="86"/>
      <c r="H238" s="86"/>
      <c r="I238" s="86"/>
      <c r="J238" s="86"/>
      <c r="K238" s="86"/>
      <c r="L238" s="86"/>
      <c r="M238" s="86"/>
      <c r="N238" s="86"/>
      <c r="O238" s="86"/>
      <c r="P238" s="86"/>
      <c r="Q238" s="87"/>
      <c r="R238" s="165" t="s">
        <v>536</v>
      </c>
      <c r="S238" s="902"/>
      <c r="T238" s="902"/>
      <c r="U238" s="902"/>
      <c r="V238" s="158" t="s">
        <v>536</v>
      </c>
      <c r="W238" s="158" t="s">
        <v>281</v>
      </c>
      <c r="X238" s="158"/>
      <c r="Y238" s="158"/>
      <c r="Z238" s="158" t="s">
        <v>104</v>
      </c>
      <c r="AA238" s="158"/>
      <c r="AB238" s="158"/>
      <c r="AC238" s="158"/>
      <c r="AD238" s="206" t="s">
        <v>542</v>
      </c>
      <c r="AE238" s="903"/>
      <c r="AF238" s="903"/>
      <c r="AG238" s="904"/>
      <c r="AH238" s="1"/>
    </row>
    <row r="239" spans="1:34" s="52" customFormat="1" ht="14.85" customHeight="1" x14ac:dyDescent="0.15">
      <c r="A239" s="167" t="s">
        <v>314</v>
      </c>
      <c r="B239" s="158"/>
      <c r="C239" s="158"/>
      <c r="D239" s="158"/>
      <c r="E239" s="158"/>
      <c r="F239" s="162" t="s">
        <v>332</v>
      </c>
      <c r="G239" s="162"/>
      <c r="H239" s="162"/>
      <c r="I239" s="162"/>
      <c r="J239" s="162"/>
      <c r="K239" s="162"/>
      <c r="L239" s="162"/>
      <c r="M239" s="162"/>
      <c r="N239" s="162"/>
      <c r="O239" s="162"/>
      <c r="P239" s="162"/>
      <c r="Q239" s="163"/>
      <c r="R239" s="165" t="s">
        <v>333</v>
      </c>
      <c r="S239" s="158"/>
      <c r="T239" s="158"/>
      <c r="U239" s="158"/>
      <c r="V239" s="85"/>
      <c r="W239" s="158" t="s">
        <v>105</v>
      </c>
      <c r="X239" s="158"/>
      <c r="Y239" s="85"/>
      <c r="Z239" s="158" t="s">
        <v>178</v>
      </c>
      <c r="AA239" s="158" t="s">
        <v>105</v>
      </c>
      <c r="AB239" s="158"/>
      <c r="AC239" s="164"/>
      <c r="AD239" s="206" t="s">
        <v>334</v>
      </c>
      <c r="AE239" s="158"/>
      <c r="AF239" s="158"/>
      <c r="AG239" s="166"/>
      <c r="AH239" s="1"/>
    </row>
    <row r="240" spans="1:34" s="52" customFormat="1" ht="14.85" customHeight="1" x14ac:dyDescent="0.15">
      <c r="A240" s="167" t="s">
        <v>314</v>
      </c>
      <c r="B240" s="158"/>
      <c r="C240" s="158"/>
      <c r="D240" s="158"/>
      <c r="E240" s="158"/>
      <c r="F240" s="162" t="s">
        <v>543</v>
      </c>
      <c r="G240" s="162"/>
      <c r="H240" s="162"/>
      <c r="I240" s="162"/>
      <c r="J240" s="162"/>
      <c r="K240" s="162"/>
      <c r="L240" s="162"/>
      <c r="M240" s="162"/>
      <c r="N240" s="162"/>
      <c r="O240" s="162"/>
      <c r="P240" s="162"/>
      <c r="Q240" s="163"/>
      <c r="R240" s="165" t="s">
        <v>335</v>
      </c>
      <c r="S240" s="158"/>
      <c r="T240" s="158"/>
      <c r="U240" s="158"/>
      <c r="V240" s="85"/>
      <c r="W240" s="158" t="s">
        <v>544</v>
      </c>
      <c r="X240" s="158"/>
      <c r="Y240" s="85"/>
      <c r="Z240" s="158" t="s">
        <v>103</v>
      </c>
      <c r="AA240" s="158"/>
      <c r="AB240" s="158"/>
      <c r="AC240" s="164"/>
      <c r="AD240" s="206" t="s">
        <v>545</v>
      </c>
      <c r="AE240" s="158"/>
      <c r="AF240" s="158"/>
      <c r="AG240" s="166"/>
      <c r="AH240" s="1"/>
    </row>
    <row r="241" spans="1:34" s="52" customFormat="1" ht="14.85" customHeight="1" x14ac:dyDescent="0.15">
      <c r="A241" s="167" t="s">
        <v>314</v>
      </c>
      <c r="B241" s="158"/>
      <c r="C241" s="158"/>
      <c r="D241" s="158"/>
      <c r="E241" s="158"/>
      <c r="F241" s="162" t="s">
        <v>336</v>
      </c>
      <c r="G241" s="162"/>
      <c r="H241" s="162"/>
      <c r="I241" s="162"/>
      <c r="J241" s="162"/>
      <c r="K241" s="162"/>
      <c r="L241" s="162"/>
      <c r="M241" s="162"/>
      <c r="N241" s="162"/>
      <c r="O241" s="162"/>
      <c r="P241" s="162"/>
      <c r="Q241" s="163"/>
      <c r="R241" s="165" t="s">
        <v>335</v>
      </c>
      <c r="S241" s="158"/>
      <c r="T241" s="158"/>
      <c r="U241" s="158"/>
      <c r="V241" s="85"/>
      <c r="W241" s="158" t="s">
        <v>544</v>
      </c>
      <c r="X241" s="158"/>
      <c r="Y241" s="85"/>
      <c r="Z241" s="158" t="s">
        <v>103</v>
      </c>
      <c r="AA241" s="158"/>
      <c r="AB241" s="158"/>
      <c r="AC241" s="164"/>
      <c r="AD241" s="206" t="s">
        <v>545</v>
      </c>
      <c r="AE241" s="158"/>
      <c r="AF241" s="158"/>
      <c r="AG241" s="166"/>
      <c r="AH241" s="1"/>
    </row>
    <row r="242" spans="1:34" s="52" customFormat="1" ht="14.85" customHeight="1" x14ac:dyDescent="0.15">
      <c r="A242" s="167" t="s">
        <v>314</v>
      </c>
      <c r="B242" s="158"/>
      <c r="C242" s="158"/>
      <c r="D242" s="158"/>
      <c r="E242" s="158"/>
      <c r="F242" s="162" t="s">
        <v>337</v>
      </c>
      <c r="G242" s="162"/>
      <c r="H242" s="162"/>
      <c r="I242" s="162"/>
      <c r="J242" s="162"/>
      <c r="K242" s="162"/>
      <c r="L242" s="162"/>
      <c r="M242" s="162"/>
      <c r="N242" s="162"/>
      <c r="O242" s="162"/>
      <c r="P242" s="162"/>
      <c r="Q242" s="163"/>
      <c r="R242" s="158" t="s">
        <v>335</v>
      </c>
      <c r="S242" s="158"/>
      <c r="T242" s="158"/>
      <c r="U242" s="158"/>
      <c r="V242" s="85"/>
      <c r="W242" s="158" t="s">
        <v>544</v>
      </c>
      <c r="X242" s="158"/>
      <c r="Y242" s="85"/>
      <c r="Z242" s="158" t="s">
        <v>103</v>
      </c>
      <c r="AA242" s="158"/>
      <c r="AB242" s="158"/>
      <c r="AC242" s="164"/>
      <c r="AD242" s="206" t="s">
        <v>545</v>
      </c>
      <c r="AE242" s="158"/>
      <c r="AF242" s="158"/>
      <c r="AG242" s="166"/>
      <c r="AH242" s="1"/>
    </row>
    <row r="243" spans="1:34" s="52" customFormat="1" ht="41.25" customHeight="1" x14ac:dyDescent="0.15">
      <c r="A243" s="167" t="s">
        <v>546</v>
      </c>
      <c r="B243" s="158"/>
      <c r="C243" s="158"/>
      <c r="D243" s="158"/>
      <c r="E243" s="158"/>
      <c r="F243" s="171" t="s">
        <v>547</v>
      </c>
      <c r="G243" s="162"/>
      <c r="H243" s="162"/>
      <c r="I243" s="162"/>
      <c r="J243" s="162"/>
      <c r="K243" s="162"/>
      <c r="L243" s="162"/>
      <c r="M243" s="162"/>
      <c r="N243" s="162"/>
      <c r="O243" s="162"/>
      <c r="P243" s="162"/>
      <c r="Q243" s="163"/>
      <c r="R243" s="165" t="s">
        <v>468</v>
      </c>
      <c r="S243" s="158"/>
      <c r="T243" s="158"/>
      <c r="U243" s="158"/>
      <c r="V243" s="158" t="s">
        <v>548</v>
      </c>
      <c r="W243" s="158"/>
      <c r="X243" s="158"/>
      <c r="Y243" s="158"/>
      <c r="Z243" s="158" t="s">
        <v>549</v>
      </c>
      <c r="AA243" s="158"/>
      <c r="AB243" s="158"/>
      <c r="AC243" s="164"/>
      <c r="AD243" s="206" t="s">
        <v>550</v>
      </c>
      <c r="AE243" s="158"/>
      <c r="AF243" s="158"/>
      <c r="AG243" s="166"/>
      <c r="AH243" s="1"/>
    </row>
    <row r="244" spans="1:34" s="52" customFormat="1" ht="14.85" customHeight="1" x14ac:dyDescent="0.15">
      <c r="A244" s="167" t="s">
        <v>338</v>
      </c>
      <c r="B244" s="158"/>
      <c r="C244" s="158"/>
      <c r="D244" s="158"/>
      <c r="E244" s="158"/>
      <c r="F244" s="162" t="s">
        <v>20</v>
      </c>
      <c r="G244" s="162"/>
      <c r="H244" s="162"/>
      <c r="I244" s="162"/>
      <c r="J244" s="162"/>
      <c r="K244" s="162"/>
      <c r="L244" s="162"/>
      <c r="M244" s="162"/>
      <c r="N244" s="162"/>
      <c r="O244" s="162"/>
      <c r="P244" s="162"/>
      <c r="Q244" s="163"/>
      <c r="R244" s="158" t="s">
        <v>280</v>
      </c>
      <c r="S244" s="158"/>
      <c r="T244" s="158"/>
      <c r="U244" s="158"/>
      <c r="V244" s="158" t="s">
        <v>530</v>
      </c>
      <c r="W244" s="158" t="s">
        <v>339</v>
      </c>
      <c r="X244" s="158"/>
      <c r="Y244" s="158"/>
      <c r="Z244" s="158" t="s">
        <v>340</v>
      </c>
      <c r="AA244" s="158"/>
      <c r="AB244" s="158"/>
      <c r="AC244" s="164"/>
      <c r="AD244" s="165" t="s">
        <v>341</v>
      </c>
      <c r="AE244" s="158"/>
      <c r="AF244" s="158"/>
      <c r="AG244" s="166"/>
      <c r="AH244" s="1"/>
    </row>
    <row r="245" spans="1:34" s="52" customFormat="1" ht="14.85" customHeight="1" x14ac:dyDescent="0.15">
      <c r="A245" s="167" t="s">
        <v>338</v>
      </c>
      <c r="B245" s="158"/>
      <c r="C245" s="158"/>
      <c r="D245" s="158"/>
      <c r="E245" s="158"/>
      <c r="F245" s="162" t="s">
        <v>342</v>
      </c>
      <c r="G245" s="162"/>
      <c r="H245" s="162"/>
      <c r="I245" s="162"/>
      <c r="J245" s="162"/>
      <c r="K245" s="162"/>
      <c r="L245" s="162"/>
      <c r="M245" s="162"/>
      <c r="N245" s="162"/>
      <c r="O245" s="162"/>
      <c r="P245" s="162"/>
      <c r="Q245" s="163"/>
      <c r="R245" s="158" t="s">
        <v>280</v>
      </c>
      <c r="S245" s="158"/>
      <c r="T245" s="158"/>
      <c r="U245" s="158"/>
      <c r="V245" s="158" t="s">
        <v>297</v>
      </c>
      <c r="W245" s="158" t="s">
        <v>297</v>
      </c>
      <c r="X245" s="158"/>
      <c r="Y245" s="158"/>
      <c r="Z245" s="158" t="s">
        <v>323</v>
      </c>
      <c r="AA245" s="158"/>
      <c r="AB245" s="158"/>
      <c r="AC245" s="164"/>
      <c r="AD245" s="165" t="s">
        <v>341</v>
      </c>
      <c r="AE245" s="158"/>
      <c r="AF245" s="158"/>
      <c r="AG245" s="166"/>
      <c r="AH245" s="1"/>
    </row>
    <row r="246" spans="1:34" s="52" customFormat="1" ht="14.85" customHeight="1" x14ac:dyDescent="0.15">
      <c r="A246" s="167" t="s">
        <v>338</v>
      </c>
      <c r="B246" s="158"/>
      <c r="C246" s="158"/>
      <c r="D246" s="158"/>
      <c r="E246" s="158"/>
      <c r="F246" s="162" t="s">
        <v>343</v>
      </c>
      <c r="G246" s="162"/>
      <c r="H246" s="162"/>
      <c r="I246" s="162"/>
      <c r="J246" s="162"/>
      <c r="K246" s="162"/>
      <c r="L246" s="162"/>
      <c r="M246" s="162"/>
      <c r="N246" s="162"/>
      <c r="O246" s="162"/>
      <c r="P246" s="162"/>
      <c r="Q246" s="163"/>
      <c r="R246" s="158" t="s">
        <v>280</v>
      </c>
      <c r="S246" s="158"/>
      <c r="T246" s="158"/>
      <c r="U246" s="158"/>
      <c r="V246" s="158" t="s">
        <v>530</v>
      </c>
      <c r="W246" s="158" t="s">
        <v>339</v>
      </c>
      <c r="X246" s="158"/>
      <c r="Y246" s="158"/>
      <c r="Z246" s="158" t="s">
        <v>292</v>
      </c>
      <c r="AA246" s="158"/>
      <c r="AB246" s="158"/>
      <c r="AC246" s="164"/>
      <c r="AD246" s="165" t="s">
        <v>341</v>
      </c>
      <c r="AE246" s="158"/>
      <c r="AF246" s="158"/>
      <c r="AG246" s="166"/>
      <c r="AH246" s="1"/>
    </row>
    <row r="247" spans="1:34" s="52" customFormat="1" ht="14.85" customHeight="1" x14ac:dyDescent="0.15">
      <c r="A247" s="167" t="s">
        <v>338</v>
      </c>
      <c r="B247" s="158"/>
      <c r="C247" s="158"/>
      <c r="D247" s="158"/>
      <c r="E247" s="158"/>
      <c r="F247" s="162" t="s">
        <v>344</v>
      </c>
      <c r="G247" s="162"/>
      <c r="H247" s="162"/>
      <c r="I247" s="162"/>
      <c r="J247" s="162"/>
      <c r="K247" s="162"/>
      <c r="L247" s="162"/>
      <c r="M247" s="162"/>
      <c r="N247" s="162"/>
      <c r="O247" s="162"/>
      <c r="P247" s="162"/>
      <c r="Q247" s="163"/>
      <c r="R247" s="158" t="s">
        <v>280</v>
      </c>
      <c r="S247" s="158"/>
      <c r="T247" s="158"/>
      <c r="U247" s="158"/>
      <c r="V247" s="158" t="s">
        <v>551</v>
      </c>
      <c r="W247" s="158" t="s">
        <v>288</v>
      </c>
      <c r="X247" s="158"/>
      <c r="Y247" s="158"/>
      <c r="Z247" s="158" t="s">
        <v>308</v>
      </c>
      <c r="AA247" s="158"/>
      <c r="AB247" s="158"/>
      <c r="AC247" s="164"/>
      <c r="AD247" s="165" t="s">
        <v>341</v>
      </c>
      <c r="AE247" s="158"/>
      <c r="AF247" s="158"/>
      <c r="AG247" s="166"/>
      <c r="AH247" s="1"/>
    </row>
    <row r="248" spans="1:34" s="52" customFormat="1" ht="14.85" customHeight="1" x14ac:dyDescent="0.15">
      <c r="A248" s="167" t="s">
        <v>338</v>
      </c>
      <c r="B248" s="158"/>
      <c r="C248" s="158"/>
      <c r="D248" s="158"/>
      <c r="E248" s="158"/>
      <c r="F248" s="162" t="s">
        <v>345</v>
      </c>
      <c r="G248" s="162"/>
      <c r="H248" s="162"/>
      <c r="I248" s="162"/>
      <c r="J248" s="162"/>
      <c r="K248" s="162"/>
      <c r="L248" s="162"/>
      <c r="M248" s="162"/>
      <c r="N248" s="162"/>
      <c r="O248" s="162"/>
      <c r="P248" s="162"/>
      <c r="Q248" s="163"/>
      <c r="R248" s="158" t="s">
        <v>280</v>
      </c>
      <c r="S248" s="158"/>
      <c r="T248" s="158"/>
      <c r="U248" s="158"/>
      <c r="V248" s="158" t="s">
        <v>530</v>
      </c>
      <c r="W248" s="158" t="s">
        <v>339</v>
      </c>
      <c r="X248" s="158"/>
      <c r="Y248" s="158"/>
      <c r="Z248" s="158" t="s">
        <v>346</v>
      </c>
      <c r="AA248" s="158"/>
      <c r="AB248" s="158"/>
      <c r="AC248" s="164"/>
      <c r="AD248" s="165" t="s">
        <v>347</v>
      </c>
      <c r="AE248" s="158"/>
      <c r="AF248" s="158"/>
      <c r="AG248" s="166"/>
      <c r="AH248" s="1"/>
    </row>
    <row r="249" spans="1:34" s="52" customFormat="1" ht="14.85" customHeight="1" x14ac:dyDescent="0.15">
      <c r="A249" s="167" t="s">
        <v>338</v>
      </c>
      <c r="B249" s="158"/>
      <c r="C249" s="158"/>
      <c r="D249" s="158"/>
      <c r="E249" s="158"/>
      <c r="F249" s="162" t="s">
        <v>348</v>
      </c>
      <c r="G249" s="162"/>
      <c r="H249" s="162"/>
      <c r="I249" s="162"/>
      <c r="J249" s="162"/>
      <c r="K249" s="162"/>
      <c r="L249" s="162"/>
      <c r="M249" s="162"/>
      <c r="N249" s="162"/>
      <c r="O249" s="162"/>
      <c r="P249" s="162"/>
      <c r="Q249" s="163"/>
      <c r="R249" s="158" t="s">
        <v>284</v>
      </c>
      <c r="S249" s="158"/>
      <c r="T249" s="158"/>
      <c r="U249" s="158"/>
      <c r="V249" s="158" t="s">
        <v>281</v>
      </c>
      <c r="W249" s="158" t="s">
        <v>281</v>
      </c>
      <c r="X249" s="158"/>
      <c r="Y249" s="158"/>
      <c r="Z249" s="158" t="s">
        <v>103</v>
      </c>
      <c r="AA249" s="158"/>
      <c r="AB249" s="158"/>
      <c r="AC249" s="164"/>
      <c r="AD249" s="165" t="s">
        <v>349</v>
      </c>
      <c r="AE249" s="158"/>
      <c r="AF249" s="158"/>
      <c r="AG249" s="166"/>
      <c r="AH249" s="1"/>
    </row>
    <row r="250" spans="1:34" s="52" customFormat="1" ht="14.85" customHeight="1" x14ac:dyDescent="0.15">
      <c r="A250" s="167" t="s">
        <v>552</v>
      </c>
      <c r="B250" s="158"/>
      <c r="C250" s="158"/>
      <c r="D250" s="158"/>
      <c r="E250" s="158"/>
      <c r="F250" s="162" t="s">
        <v>350</v>
      </c>
      <c r="G250" s="162"/>
      <c r="H250" s="162"/>
      <c r="I250" s="162"/>
      <c r="J250" s="162"/>
      <c r="K250" s="162"/>
      <c r="L250" s="162"/>
      <c r="M250" s="162"/>
      <c r="N250" s="162"/>
      <c r="O250" s="162"/>
      <c r="P250" s="162"/>
      <c r="Q250" s="163"/>
      <c r="R250" s="158" t="s">
        <v>325</v>
      </c>
      <c r="S250" s="158"/>
      <c r="T250" s="158"/>
      <c r="U250" s="158"/>
      <c r="V250" s="158" t="s">
        <v>88</v>
      </c>
      <c r="W250" s="158" t="s">
        <v>339</v>
      </c>
      <c r="X250" s="158"/>
      <c r="Y250" s="158"/>
      <c r="Z250" s="158" t="s">
        <v>351</v>
      </c>
      <c r="AA250" s="158"/>
      <c r="AB250" s="158"/>
      <c r="AC250" s="164"/>
      <c r="AD250" s="206" t="s">
        <v>352</v>
      </c>
      <c r="AE250" s="158"/>
      <c r="AF250" s="158"/>
      <c r="AG250" s="166"/>
      <c r="AH250" s="1"/>
    </row>
    <row r="251" spans="1:34" s="52" customFormat="1" ht="14.85" customHeight="1" x14ac:dyDescent="0.15">
      <c r="A251" s="167" t="s">
        <v>507</v>
      </c>
      <c r="B251" s="158"/>
      <c r="C251" s="158"/>
      <c r="D251" s="158"/>
      <c r="E251" s="158"/>
      <c r="F251" s="162" t="s">
        <v>353</v>
      </c>
      <c r="G251" s="162"/>
      <c r="H251" s="162"/>
      <c r="I251" s="162"/>
      <c r="J251" s="162"/>
      <c r="K251" s="162"/>
      <c r="L251" s="162"/>
      <c r="M251" s="162"/>
      <c r="N251" s="162"/>
      <c r="O251" s="162"/>
      <c r="P251" s="162"/>
      <c r="Q251" s="163"/>
      <c r="R251" s="85"/>
      <c r="S251" s="158" t="s">
        <v>335</v>
      </c>
      <c r="T251" s="158"/>
      <c r="U251" s="85"/>
      <c r="V251" s="85"/>
      <c r="W251" s="158" t="s">
        <v>281</v>
      </c>
      <c r="X251" s="158"/>
      <c r="Y251" s="85"/>
      <c r="Z251" s="158" t="s">
        <v>103</v>
      </c>
      <c r="AA251" s="158"/>
      <c r="AB251" s="158"/>
      <c r="AC251" s="164"/>
      <c r="AD251" s="206" t="s">
        <v>553</v>
      </c>
      <c r="AE251" s="158"/>
      <c r="AF251" s="158"/>
      <c r="AG251" s="166"/>
      <c r="AH251" s="1"/>
    </row>
    <row r="252" spans="1:34" s="52" customFormat="1" ht="14.25" customHeight="1" x14ac:dyDescent="0.15">
      <c r="A252" s="167" t="s">
        <v>507</v>
      </c>
      <c r="B252" s="158"/>
      <c r="C252" s="158"/>
      <c r="D252" s="158"/>
      <c r="E252" s="158"/>
      <c r="F252" s="162" t="s">
        <v>354</v>
      </c>
      <c r="G252" s="162"/>
      <c r="H252" s="162"/>
      <c r="I252" s="162"/>
      <c r="J252" s="162"/>
      <c r="K252" s="162"/>
      <c r="L252" s="162"/>
      <c r="M252" s="162"/>
      <c r="N252" s="162"/>
      <c r="O252" s="162"/>
      <c r="P252" s="162"/>
      <c r="Q252" s="163"/>
      <c r="R252" s="85"/>
      <c r="S252" s="158" t="s">
        <v>335</v>
      </c>
      <c r="T252" s="158"/>
      <c r="U252" s="85"/>
      <c r="V252" s="85"/>
      <c r="W252" s="158" t="s">
        <v>281</v>
      </c>
      <c r="X252" s="158"/>
      <c r="Y252" s="85"/>
      <c r="Z252" s="158" t="s">
        <v>103</v>
      </c>
      <c r="AA252" s="158"/>
      <c r="AB252" s="158"/>
      <c r="AC252" s="164"/>
      <c r="AD252" s="206" t="s">
        <v>553</v>
      </c>
      <c r="AE252" s="158"/>
      <c r="AF252" s="158"/>
      <c r="AG252" s="166"/>
      <c r="AH252" s="1"/>
    </row>
    <row r="253" spans="1:34" s="52" customFormat="1" ht="13.5" x14ac:dyDescent="0.15">
      <c r="A253" s="167" t="s">
        <v>507</v>
      </c>
      <c r="B253" s="158"/>
      <c r="C253" s="158"/>
      <c r="D253" s="158"/>
      <c r="E253" s="158"/>
      <c r="F253" s="171" t="s">
        <v>354</v>
      </c>
      <c r="G253" s="162"/>
      <c r="H253" s="162"/>
      <c r="I253" s="162"/>
      <c r="J253" s="162"/>
      <c r="K253" s="162"/>
      <c r="L253" s="162"/>
      <c r="M253" s="162"/>
      <c r="N253" s="162"/>
      <c r="O253" s="162"/>
      <c r="P253" s="162"/>
      <c r="Q253" s="163"/>
      <c r="R253" s="85"/>
      <c r="S253" s="158" t="s">
        <v>335</v>
      </c>
      <c r="T253" s="158"/>
      <c r="U253" s="85"/>
      <c r="V253" s="85"/>
      <c r="W253" s="158" t="s">
        <v>281</v>
      </c>
      <c r="X253" s="158"/>
      <c r="Y253" s="85"/>
      <c r="Z253" s="158" t="s">
        <v>103</v>
      </c>
      <c r="AA253" s="158"/>
      <c r="AB253" s="158"/>
      <c r="AC253" s="164"/>
      <c r="AD253" s="206" t="s">
        <v>553</v>
      </c>
      <c r="AE253" s="158"/>
      <c r="AF253" s="158"/>
      <c r="AG253" s="166"/>
      <c r="AH253" s="1"/>
    </row>
    <row r="254" spans="1:34" s="52" customFormat="1" ht="24" customHeight="1" x14ac:dyDescent="0.15">
      <c r="A254" s="167" t="s">
        <v>507</v>
      </c>
      <c r="B254" s="158"/>
      <c r="C254" s="158"/>
      <c r="D254" s="158"/>
      <c r="E254" s="158"/>
      <c r="F254" s="171" t="s">
        <v>355</v>
      </c>
      <c r="G254" s="171"/>
      <c r="H254" s="171"/>
      <c r="I254" s="171"/>
      <c r="J254" s="171"/>
      <c r="K254" s="171"/>
      <c r="L254" s="171"/>
      <c r="M254" s="171"/>
      <c r="N254" s="171"/>
      <c r="O254" s="171"/>
      <c r="P254" s="171"/>
      <c r="Q254" s="172"/>
      <c r="R254" s="85"/>
      <c r="S254" s="158" t="s">
        <v>335</v>
      </c>
      <c r="T254" s="158"/>
      <c r="U254" s="85"/>
      <c r="V254" s="85"/>
      <c r="W254" s="158" t="s">
        <v>281</v>
      </c>
      <c r="X254" s="158"/>
      <c r="Y254" s="85"/>
      <c r="Z254" s="158" t="s">
        <v>103</v>
      </c>
      <c r="AA254" s="158"/>
      <c r="AB254" s="158"/>
      <c r="AC254" s="164"/>
      <c r="AD254" s="206" t="s">
        <v>553</v>
      </c>
      <c r="AE254" s="158"/>
      <c r="AF254" s="158"/>
      <c r="AG254" s="166"/>
      <c r="AH254" s="1"/>
    </row>
    <row r="255" spans="1:34" s="52" customFormat="1" ht="13.5" x14ac:dyDescent="0.15">
      <c r="A255" s="167" t="s">
        <v>507</v>
      </c>
      <c r="B255" s="158"/>
      <c r="C255" s="158"/>
      <c r="D255" s="158"/>
      <c r="E255" s="158"/>
      <c r="F255" s="204" t="s">
        <v>356</v>
      </c>
      <c r="G255" s="204"/>
      <c r="H255" s="204"/>
      <c r="I255" s="204"/>
      <c r="J255" s="204"/>
      <c r="K255" s="204"/>
      <c r="L255" s="204"/>
      <c r="M255" s="204"/>
      <c r="N255" s="204"/>
      <c r="O255" s="204"/>
      <c r="P255" s="204"/>
      <c r="Q255" s="205"/>
      <c r="R255" s="85"/>
      <c r="S255" s="158" t="s">
        <v>335</v>
      </c>
      <c r="T255" s="158"/>
      <c r="U255" s="85"/>
      <c r="V255" s="85"/>
      <c r="W255" s="158" t="s">
        <v>281</v>
      </c>
      <c r="X255" s="158"/>
      <c r="Y255" s="85"/>
      <c r="Z255" s="158" t="s">
        <v>103</v>
      </c>
      <c r="AA255" s="158"/>
      <c r="AB255" s="158"/>
      <c r="AC255" s="164"/>
      <c r="AD255" s="206" t="s">
        <v>553</v>
      </c>
      <c r="AE255" s="158"/>
      <c r="AF255" s="158"/>
      <c r="AG255" s="166"/>
      <c r="AH255" s="1"/>
    </row>
    <row r="256" spans="1:34" s="52" customFormat="1" ht="24" customHeight="1" x14ac:dyDescent="0.15">
      <c r="A256" s="167" t="s">
        <v>507</v>
      </c>
      <c r="B256" s="158"/>
      <c r="C256" s="158"/>
      <c r="D256" s="158"/>
      <c r="E256" s="158"/>
      <c r="F256" s="171" t="s">
        <v>357</v>
      </c>
      <c r="G256" s="171"/>
      <c r="H256" s="171"/>
      <c r="I256" s="171"/>
      <c r="J256" s="171"/>
      <c r="K256" s="171"/>
      <c r="L256" s="171"/>
      <c r="M256" s="171"/>
      <c r="N256" s="171"/>
      <c r="O256" s="171"/>
      <c r="P256" s="171"/>
      <c r="Q256" s="172"/>
      <c r="R256" s="85"/>
      <c r="S256" s="158" t="s">
        <v>335</v>
      </c>
      <c r="T256" s="158"/>
      <c r="U256" s="85"/>
      <c r="V256" s="85"/>
      <c r="W256" s="158" t="s">
        <v>281</v>
      </c>
      <c r="X256" s="158"/>
      <c r="Y256" s="85"/>
      <c r="Z256" s="158" t="s">
        <v>103</v>
      </c>
      <c r="AA256" s="158"/>
      <c r="AB256" s="158"/>
      <c r="AC256" s="164"/>
      <c r="AD256" s="206" t="s">
        <v>553</v>
      </c>
      <c r="AE256" s="158"/>
      <c r="AF256" s="158"/>
      <c r="AG256" s="166"/>
      <c r="AH256" s="1"/>
    </row>
    <row r="257" spans="1:34" s="52" customFormat="1" ht="14.85" customHeight="1" x14ac:dyDescent="0.15">
      <c r="A257" s="167" t="s">
        <v>507</v>
      </c>
      <c r="B257" s="158"/>
      <c r="C257" s="158"/>
      <c r="D257" s="158"/>
      <c r="E257" s="158"/>
      <c r="F257" s="204" t="s">
        <v>358</v>
      </c>
      <c r="G257" s="204"/>
      <c r="H257" s="204"/>
      <c r="I257" s="204"/>
      <c r="J257" s="204"/>
      <c r="K257" s="204"/>
      <c r="L257" s="204"/>
      <c r="M257" s="204"/>
      <c r="N257" s="204"/>
      <c r="O257" s="204"/>
      <c r="P257" s="204"/>
      <c r="Q257" s="205"/>
      <c r="R257" s="85"/>
      <c r="S257" s="158" t="s">
        <v>335</v>
      </c>
      <c r="T257" s="158"/>
      <c r="U257" s="85"/>
      <c r="V257" s="85"/>
      <c r="W257" s="158" t="s">
        <v>281</v>
      </c>
      <c r="X257" s="158"/>
      <c r="Y257" s="85"/>
      <c r="Z257" s="158" t="s">
        <v>103</v>
      </c>
      <c r="AA257" s="158"/>
      <c r="AB257" s="158"/>
      <c r="AC257" s="164"/>
      <c r="AD257" s="206" t="s">
        <v>553</v>
      </c>
      <c r="AE257" s="158"/>
      <c r="AF257" s="158"/>
      <c r="AG257" s="166"/>
      <c r="AH257" s="1"/>
    </row>
    <row r="258" spans="1:34" s="52" customFormat="1" ht="14.85" customHeight="1" x14ac:dyDescent="0.15">
      <c r="A258" s="167" t="s">
        <v>507</v>
      </c>
      <c r="B258" s="158"/>
      <c r="C258" s="158"/>
      <c r="D258" s="158"/>
      <c r="E258" s="158"/>
      <c r="F258" s="204" t="s">
        <v>359</v>
      </c>
      <c r="G258" s="204"/>
      <c r="H258" s="204"/>
      <c r="I258" s="204"/>
      <c r="J258" s="204"/>
      <c r="K258" s="204"/>
      <c r="L258" s="204"/>
      <c r="M258" s="204"/>
      <c r="N258" s="204"/>
      <c r="O258" s="204"/>
      <c r="P258" s="204"/>
      <c r="Q258" s="205"/>
      <c r="R258" s="85"/>
      <c r="S258" s="158" t="s">
        <v>335</v>
      </c>
      <c r="T258" s="158"/>
      <c r="U258" s="85"/>
      <c r="V258" s="85"/>
      <c r="W258" s="158" t="s">
        <v>281</v>
      </c>
      <c r="X258" s="158"/>
      <c r="Y258" s="85"/>
      <c r="Z258" s="158" t="s">
        <v>103</v>
      </c>
      <c r="AA258" s="158"/>
      <c r="AB258" s="158"/>
      <c r="AC258" s="164"/>
      <c r="AD258" s="206" t="s">
        <v>553</v>
      </c>
      <c r="AE258" s="158"/>
      <c r="AF258" s="158"/>
      <c r="AG258" s="166"/>
      <c r="AH258" s="1"/>
    </row>
    <row r="259" spans="1:34" s="52" customFormat="1" ht="14.85" customHeight="1" x14ac:dyDescent="0.15">
      <c r="A259" s="167" t="s">
        <v>507</v>
      </c>
      <c r="B259" s="158"/>
      <c r="C259" s="158"/>
      <c r="D259" s="158"/>
      <c r="E259" s="158"/>
      <c r="F259" s="162" t="s">
        <v>360</v>
      </c>
      <c r="G259" s="162"/>
      <c r="H259" s="162"/>
      <c r="I259" s="162"/>
      <c r="J259" s="162"/>
      <c r="K259" s="162"/>
      <c r="L259" s="162"/>
      <c r="M259" s="162"/>
      <c r="N259" s="162"/>
      <c r="O259" s="162"/>
      <c r="P259" s="162"/>
      <c r="Q259" s="163"/>
      <c r="R259" s="85"/>
      <c r="S259" s="158" t="s">
        <v>335</v>
      </c>
      <c r="T259" s="158"/>
      <c r="U259" s="85"/>
      <c r="V259" s="85"/>
      <c r="W259" s="158" t="s">
        <v>281</v>
      </c>
      <c r="X259" s="158"/>
      <c r="Y259" s="85"/>
      <c r="Z259" s="158" t="s">
        <v>103</v>
      </c>
      <c r="AA259" s="158"/>
      <c r="AB259" s="158"/>
      <c r="AC259" s="164"/>
      <c r="AD259" s="206" t="s">
        <v>553</v>
      </c>
      <c r="AE259" s="158"/>
      <c r="AF259" s="158"/>
      <c r="AG259" s="166"/>
      <c r="AH259" s="1"/>
    </row>
    <row r="260" spans="1:34" s="52" customFormat="1" ht="14.85" customHeight="1" x14ac:dyDescent="0.15">
      <c r="A260" s="167" t="s">
        <v>507</v>
      </c>
      <c r="B260" s="158"/>
      <c r="C260" s="158"/>
      <c r="D260" s="158"/>
      <c r="E260" s="158"/>
      <c r="F260" s="162" t="s">
        <v>361</v>
      </c>
      <c r="G260" s="162"/>
      <c r="H260" s="162"/>
      <c r="I260" s="162"/>
      <c r="J260" s="162"/>
      <c r="K260" s="162"/>
      <c r="L260" s="162"/>
      <c r="M260" s="162"/>
      <c r="N260" s="162"/>
      <c r="O260" s="162"/>
      <c r="P260" s="162"/>
      <c r="Q260" s="163"/>
      <c r="R260" s="85"/>
      <c r="S260" s="158" t="s">
        <v>335</v>
      </c>
      <c r="T260" s="158"/>
      <c r="U260" s="85"/>
      <c r="V260" s="85"/>
      <c r="W260" s="158" t="s">
        <v>281</v>
      </c>
      <c r="X260" s="158"/>
      <c r="Y260" s="85"/>
      <c r="Z260" s="158" t="s">
        <v>103</v>
      </c>
      <c r="AA260" s="158"/>
      <c r="AB260" s="158"/>
      <c r="AC260" s="164"/>
      <c r="AD260" s="206" t="s">
        <v>553</v>
      </c>
      <c r="AE260" s="158"/>
      <c r="AF260" s="158"/>
      <c r="AG260" s="166"/>
      <c r="AH260" s="1"/>
    </row>
    <row r="261" spans="1:34" s="52" customFormat="1" ht="14.85" customHeight="1" x14ac:dyDescent="0.15">
      <c r="A261" s="167" t="s">
        <v>507</v>
      </c>
      <c r="B261" s="158"/>
      <c r="C261" s="158"/>
      <c r="D261" s="158"/>
      <c r="E261" s="158"/>
      <c r="F261" s="162" t="s">
        <v>554</v>
      </c>
      <c r="G261" s="162"/>
      <c r="H261" s="162"/>
      <c r="I261" s="162"/>
      <c r="J261" s="162"/>
      <c r="K261" s="162"/>
      <c r="L261" s="162"/>
      <c r="M261" s="162"/>
      <c r="N261" s="162"/>
      <c r="O261" s="162"/>
      <c r="P261" s="162"/>
      <c r="Q261" s="163"/>
      <c r="R261" s="165" t="s">
        <v>469</v>
      </c>
      <c r="S261" s="158"/>
      <c r="T261" s="158"/>
      <c r="U261" s="158"/>
      <c r="V261" s="158" t="s">
        <v>555</v>
      </c>
      <c r="W261" s="158"/>
      <c r="X261" s="158"/>
      <c r="Y261" s="158"/>
      <c r="Z261" s="158" t="s">
        <v>556</v>
      </c>
      <c r="AA261" s="158"/>
      <c r="AB261" s="158"/>
      <c r="AC261" s="164"/>
      <c r="AD261" s="206" t="s">
        <v>550</v>
      </c>
      <c r="AE261" s="158"/>
      <c r="AF261" s="158"/>
      <c r="AG261" s="166"/>
      <c r="AH261" s="1"/>
    </row>
    <row r="262" spans="1:34" s="52" customFormat="1" ht="14.85" customHeight="1" x14ac:dyDescent="0.15">
      <c r="A262" s="167" t="s">
        <v>507</v>
      </c>
      <c r="B262" s="158"/>
      <c r="C262" s="158"/>
      <c r="D262" s="158"/>
      <c r="E262" s="158"/>
      <c r="F262" s="162" t="s">
        <v>635</v>
      </c>
      <c r="G262" s="162"/>
      <c r="H262" s="162"/>
      <c r="I262" s="162"/>
      <c r="J262" s="162"/>
      <c r="K262" s="162"/>
      <c r="L262" s="162"/>
      <c r="M262" s="162"/>
      <c r="N262" s="162"/>
      <c r="O262" s="162"/>
      <c r="P262" s="162"/>
      <c r="Q262" s="163"/>
      <c r="R262" s="165" t="s">
        <v>284</v>
      </c>
      <c r="S262" s="158"/>
      <c r="T262" s="158"/>
      <c r="U262" s="158"/>
      <c r="V262" s="158" t="s">
        <v>566</v>
      </c>
      <c r="W262" s="158"/>
      <c r="X262" s="158"/>
      <c r="Y262" s="158"/>
      <c r="Z262" s="158" t="s">
        <v>475</v>
      </c>
      <c r="AA262" s="158"/>
      <c r="AB262" s="158"/>
      <c r="AC262" s="164"/>
      <c r="AD262" s="206" t="s">
        <v>636</v>
      </c>
      <c r="AE262" s="158"/>
      <c r="AF262" s="158"/>
      <c r="AG262" s="166"/>
      <c r="AH262" s="1"/>
    </row>
    <row r="263" spans="1:34" s="52" customFormat="1" ht="14.85" customHeight="1" x14ac:dyDescent="0.15">
      <c r="A263" s="167" t="s">
        <v>507</v>
      </c>
      <c r="B263" s="158"/>
      <c r="C263" s="158"/>
      <c r="D263" s="158"/>
      <c r="E263" s="158"/>
      <c r="F263" s="162" t="s">
        <v>362</v>
      </c>
      <c r="G263" s="162"/>
      <c r="H263" s="162"/>
      <c r="I263" s="162"/>
      <c r="J263" s="162"/>
      <c r="K263" s="162"/>
      <c r="L263" s="162"/>
      <c r="M263" s="162"/>
      <c r="N263" s="162"/>
      <c r="O263" s="162"/>
      <c r="P263" s="162"/>
      <c r="Q263" s="163"/>
      <c r="R263" s="165" t="s">
        <v>331</v>
      </c>
      <c r="S263" s="158"/>
      <c r="T263" s="158"/>
      <c r="U263" s="158"/>
      <c r="V263" s="85"/>
      <c r="W263" s="158" t="s">
        <v>105</v>
      </c>
      <c r="X263" s="158"/>
      <c r="Y263" s="85"/>
      <c r="Z263" s="158" t="s">
        <v>103</v>
      </c>
      <c r="AA263" s="158"/>
      <c r="AB263" s="158"/>
      <c r="AC263" s="164"/>
      <c r="AD263" s="206">
        <v>43096</v>
      </c>
      <c r="AE263" s="903"/>
      <c r="AF263" s="903"/>
      <c r="AG263" s="904"/>
      <c r="AH263" s="1"/>
    </row>
    <row r="264" spans="1:34" s="52" customFormat="1" ht="14.85" customHeight="1" x14ac:dyDescent="0.15">
      <c r="A264" s="167" t="s">
        <v>507</v>
      </c>
      <c r="B264" s="158"/>
      <c r="C264" s="158"/>
      <c r="D264" s="158"/>
      <c r="E264" s="158"/>
      <c r="F264" s="162" t="s">
        <v>363</v>
      </c>
      <c r="G264" s="162"/>
      <c r="H264" s="162"/>
      <c r="I264" s="162"/>
      <c r="J264" s="162"/>
      <c r="K264" s="162"/>
      <c r="L264" s="162"/>
      <c r="M264" s="162"/>
      <c r="N264" s="162"/>
      <c r="O264" s="162"/>
      <c r="P264" s="162"/>
      <c r="Q264" s="163"/>
      <c r="R264" s="165" t="s">
        <v>331</v>
      </c>
      <c r="S264" s="158"/>
      <c r="T264" s="158"/>
      <c r="U264" s="158"/>
      <c r="V264" s="85"/>
      <c r="W264" s="158" t="s">
        <v>178</v>
      </c>
      <c r="X264" s="158"/>
      <c r="Y264" s="85"/>
      <c r="Z264" s="158" t="s">
        <v>473</v>
      </c>
      <c r="AA264" s="158"/>
      <c r="AB264" s="158"/>
      <c r="AC264" s="164"/>
      <c r="AD264" s="206" t="s">
        <v>557</v>
      </c>
      <c r="AE264" s="903"/>
      <c r="AF264" s="903"/>
      <c r="AG264" s="904"/>
      <c r="AH264" s="1"/>
    </row>
    <row r="265" spans="1:34" s="52" customFormat="1" ht="14.85" customHeight="1" x14ac:dyDescent="0.15">
      <c r="A265" s="167" t="s">
        <v>507</v>
      </c>
      <c r="B265" s="158"/>
      <c r="C265" s="158"/>
      <c r="D265" s="158"/>
      <c r="E265" s="158"/>
      <c r="F265" s="162" t="s">
        <v>364</v>
      </c>
      <c r="G265" s="162"/>
      <c r="H265" s="162"/>
      <c r="I265" s="162"/>
      <c r="J265" s="162"/>
      <c r="K265" s="162"/>
      <c r="L265" s="162"/>
      <c r="M265" s="162"/>
      <c r="N265" s="162"/>
      <c r="O265" s="162"/>
      <c r="P265" s="162"/>
      <c r="Q265" s="163"/>
      <c r="R265" s="158" t="s">
        <v>321</v>
      </c>
      <c r="S265" s="158"/>
      <c r="T265" s="158"/>
      <c r="U265" s="158"/>
      <c r="V265" s="158" t="s">
        <v>536</v>
      </c>
      <c r="W265" s="158" t="s">
        <v>365</v>
      </c>
      <c r="X265" s="158"/>
      <c r="Y265" s="158"/>
      <c r="Z265" s="158" t="s">
        <v>323</v>
      </c>
      <c r="AA265" s="158"/>
      <c r="AB265" s="158"/>
      <c r="AC265" s="164"/>
      <c r="AD265" s="206" t="s">
        <v>545</v>
      </c>
      <c r="AE265" s="903"/>
      <c r="AF265" s="903"/>
      <c r="AG265" s="904"/>
      <c r="AH265" s="1"/>
    </row>
    <row r="266" spans="1:34" s="52" customFormat="1" ht="14.85" customHeight="1" x14ac:dyDescent="0.15">
      <c r="A266" s="167" t="s">
        <v>507</v>
      </c>
      <c r="B266" s="158"/>
      <c r="C266" s="158"/>
      <c r="D266" s="158"/>
      <c r="E266" s="158"/>
      <c r="F266" s="162" t="s">
        <v>366</v>
      </c>
      <c r="G266" s="162"/>
      <c r="H266" s="162"/>
      <c r="I266" s="162"/>
      <c r="J266" s="162"/>
      <c r="K266" s="162"/>
      <c r="L266" s="162"/>
      <c r="M266" s="162"/>
      <c r="N266" s="162"/>
      <c r="O266" s="162"/>
      <c r="P266" s="162"/>
      <c r="Q266" s="163"/>
      <c r="R266" s="158" t="s">
        <v>321</v>
      </c>
      <c r="S266" s="158"/>
      <c r="T266" s="158"/>
      <c r="U266" s="158"/>
      <c r="V266" s="158" t="s">
        <v>536</v>
      </c>
      <c r="W266" s="158" t="s">
        <v>365</v>
      </c>
      <c r="X266" s="158"/>
      <c r="Y266" s="158"/>
      <c r="Z266" s="158" t="s">
        <v>323</v>
      </c>
      <c r="AA266" s="158"/>
      <c r="AB266" s="158"/>
      <c r="AC266" s="164"/>
      <c r="AD266" s="206" t="s">
        <v>545</v>
      </c>
      <c r="AE266" s="158"/>
      <c r="AF266" s="158"/>
      <c r="AG266" s="166"/>
      <c r="AH266" s="1"/>
    </row>
    <row r="267" spans="1:34" s="52" customFormat="1" ht="14.85" customHeight="1" x14ac:dyDescent="0.15">
      <c r="A267" s="167" t="s">
        <v>367</v>
      </c>
      <c r="B267" s="158"/>
      <c r="C267" s="158"/>
      <c r="D267" s="158"/>
      <c r="E267" s="158"/>
      <c r="F267" s="162" t="s">
        <v>21</v>
      </c>
      <c r="G267" s="162"/>
      <c r="H267" s="162"/>
      <c r="I267" s="162"/>
      <c r="J267" s="162"/>
      <c r="K267" s="162"/>
      <c r="L267" s="162"/>
      <c r="M267" s="162"/>
      <c r="N267" s="162"/>
      <c r="O267" s="162"/>
      <c r="P267" s="162"/>
      <c r="Q267" s="163"/>
      <c r="R267" s="158" t="s">
        <v>105</v>
      </c>
      <c r="S267" s="158" t="s">
        <v>105</v>
      </c>
      <c r="T267" s="158"/>
      <c r="U267" s="158"/>
      <c r="V267" s="158" t="s">
        <v>178</v>
      </c>
      <c r="W267" s="158" t="s">
        <v>105</v>
      </c>
      <c r="X267" s="158"/>
      <c r="Y267" s="158"/>
      <c r="Z267" s="158" t="s">
        <v>340</v>
      </c>
      <c r="AA267" s="158"/>
      <c r="AB267" s="158"/>
      <c r="AC267" s="164"/>
      <c r="AD267" s="165" t="s">
        <v>558</v>
      </c>
      <c r="AE267" s="158"/>
      <c r="AF267" s="158"/>
      <c r="AG267" s="166"/>
      <c r="AH267" s="1"/>
    </row>
    <row r="268" spans="1:34" s="52" customFormat="1" ht="14.85" customHeight="1" x14ac:dyDescent="0.15">
      <c r="A268" s="167" t="s">
        <v>367</v>
      </c>
      <c r="B268" s="158"/>
      <c r="C268" s="158"/>
      <c r="D268" s="158"/>
      <c r="E268" s="158"/>
      <c r="F268" s="162" t="s">
        <v>368</v>
      </c>
      <c r="G268" s="162"/>
      <c r="H268" s="162"/>
      <c r="I268" s="162"/>
      <c r="J268" s="162"/>
      <c r="K268" s="162"/>
      <c r="L268" s="162"/>
      <c r="M268" s="162"/>
      <c r="N268" s="162"/>
      <c r="O268" s="162"/>
      <c r="P268" s="162"/>
      <c r="Q268" s="163"/>
      <c r="R268" s="158" t="s">
        <v>105</v>
      </c>
      <c r="S268" s="158" t="s">
        <v>105</v>
      </c>
      <c r="T268" s="158"/>
      <c r="U268" s="158"/>
      <c r="V268" s="158" t="s">
        <v>178</v>
      </c>
      <c r="W268" s="158" t="s">
        <v>105</v>
      </c>
      <c r="X268" s="158"/>
      <c r="Y268" s="158"/>
      <c r="Z268" s="158" t="s">
        <v>323</v>
      </c>
      <c r="AA268" s="158"/>
      <c r="AB268" s="158"/>
      <c r="AC268" s="164"/>
      <c r="AD268" s="165" t="s">
        <v>341</v>
      </c>
      <c r="AE268" s="158"/>
      <c r="AF268" s="158"/>
      <c r="AG268" s="166"/>
      <c r="AH268" s="1"/>
    </row>
    <row r="269" spans="1:34" s="52" customFormat="1" ht="14.85" customHeight="1" x14ac:dyDescent="0.15">
      <c r="A269" s="167" t="s">
        <v>367</v>
      </c>
      <c r="B269" s="158"/>
      <c r="C269" s="158"/>
      <c r="D269" s="158"/>
      <c r="E269" s="158"/>
      <c r="F269" s="162" t="s">
        <v>369</v>
      </c>
      <c r="G269" s="162"/>
      <c r="H269" s="162"/>
      <c r="I269" s="162"/>
      <c r="J269" s="162"/>
      <c r="K269" s="162"/>
      <c r="L269" s="162"/>
      <c r="M269" s="162"/>
      <c r="N269" s="162"/>
      <c r="O269" s="162"/>
      <c r="P269" s="162"/>
      <c r="Q269" s="163"/>
      <c r="R269" s="158" t="s">
        <v>105</v>
      </c>
      <c r="S269" s="158" t="s">
        <v>105</v>
      </c>
      <c r="T269" s="158"/>
      <c r="U269" s="158"/>
      <c r="V269" s="158" t="s">
        <v>178</v>
      </c>
      <c r="W269" s="158" t="s">
        <v>105</v>
      </c>
      <c r="X269" s="158"/>
      <c r="Y269" s="158"/>
      <c r="Z269" s="158" t="s">
        <v>292</v>
      </c>
      <c r="AA269" s="158"/>
      <c r="AB269" s="158"/>
      <c r="AC269" s="164"/>
      <c r="AD269" s="165" t="s">
        <v>341</v>
      </c>
      <c r="AE269" s="158"/>
      <c r="AF269" s="158"/>
      <c r="AG269" s="166"/>
      <c r="AH269" s="1"/>
    </row>
    <row r="270" spans="1:34" s="52" customFormat="1" ht="14.85" customHeight="1" x14ac:dyDescent="0.15">
      <c r="A270" s="167" t="s">
        <v>367</v>
      </c>
      <c r="B270" s="158"/>
      <c r="C270" s="158"/>
      <c r="D270" s="158"/>
      <c r="E270" s="158"/>
      <c r="F270" s="162" t="s">
        <v>370</v>
      </c>
      <c r="G270" s="162"/>
      <c r="H270" s="162"/>
      <c r="I270" s="162"/>
      <c r="J270" s="162"/>
      <c r="K270" s="162"/>
      <c r="L270" s="162"/>
      <c r="M270" s="162"/>
      <c r="N270" s="162"/>
      <c r="O270" s="162"/>
      <c r="P270" s="162"/>
      <c r="Q270" s="163"/>
      <c r="R270" s="158" t="s">
        <v>105</v>
      </c>
      <c r="S270" s="158" t="s">
        <v>105</v>
      </c>
      <c r="T270" s="158"/>
      <c r="U270" s="158"/>
      <c r="V270" s="158" t="s">
        <v>178</v>
      </c>
      <c r="W270" s="158" t="s">
        <v>105</v>
      </c>
      <c r="X270" s="158"/>
      <c r="Y270" s="158"/>
      <c r="Z270" s="158" t="s">
        <v>308</v>
      </c>
      <c r="AA270" s="158"/>
      <c r="AB270" s="158"/>
      <c r="AC270" s="164"/>
      <c r="AD270" s="165" t="s">
        <v>341</v>
      </c>
      <c r="AE270" s="158"/>
      <c r="AF270" s="158"/>
      <c r="AG270" s="166"/>
      <c r="AH270" s="1"/>
    </row>
    <row r="271" spans="1:34" s="52" customFormat="1" ht="14.85" customHeight="1" x14ac:dyDescent="0.15">
      <c r="A271" s="968" t="s">
        <v>367</v>
      </c>
      <c r="B271" s="261"/>
      <c r="C271" s="261"/>
      <c r="D271" s="261"/>
      <c r="E271" s="261"/>
      <c r="F271" s="907" t="s">
        <v>371</v>
      </c>
      <c r="G271" s="907"/>
      <c r="H271" s="907"/>
      <c r="I271" s="907"/>
      <c r="J271" s="907"/>
      <c r="K271" s="907"/>
      <c r="L271" s="907"/>
      <c r="M271" s="907"/>
      <c r="N271" s="907"/>
      <c r="O271" s="907"/>
      <c r="P271" s="907"/>
      <c r="Q271" s="908"/>
      <c r="R271" s="261" t="s">
        <v>105</v>
      </c>
      <c r="S271" s="261" t="s">
        <v>105</v>
      </c>
      <c r="T271" s="261"/>
      <c r="U271" s="261"/>
      <c r="V271" s="261" t="s">
        <v>178</v>
      </c>
      <c r="W271" s="261" t="s">
        <v>105</v>
      </c>
      <c r="X271" s="261"/>
      <c r="Y271" s="261"/>
      <c r="Z271" s="261" t="s">
        <v>346</v>
      </c>
      <c r="AA271" s="261"/>
      <c r="AB271" s="261"/>
      <c r="AC271" s="898"/>
      <c r="AD271" s="722" t="s">
        <v>559</v>
      </c>
      <c r="AE271" s="261"/>
      <c r="AF271" s="261"/>
      <c r="AG271" s="723"/>
      <c r="AH271" s="1"/>
    </row>
    <row r="272" spans="1:34" s="52" customFormat="1" ht="14.85" customHeight="1" x14ac:dyDescent="0.15">
      <c r="B272" s="52" t="s">
        <v>214</v>
      </c>
      <c r="AH272" s="1"/>
    </row>
    <row r="273" spans="1:34" s="52" customFormat="1" ht="14.85" customHeight="1" x14ac:dyDescent="0.15">
      <c r="A273" s="717" t="s">
        <v>160</v>
      </c>
      <c r="B273" s="160"/>
      <c r="C273" s="160"/>
      <c r="D273" s="160"/>
      <c r="E273" s="160"/>
      <c r="F273" s="160"/>
      <c r="G273" s="160"/>
      <c r="H273" s="160"/>
      <c r="I273" s="160"/>
      <c r="J273" s="160"/>
      <c r="K273" s="160"/>
      <c r="L273" s="160"/>
      <c r="M273" s="160"/>
      <c r="N273" s="160"/>
      <c r="O273" s="160"/>
      <c r="P273" s="160"/>
      <c r="Q273" s="161"/>
      <c r="R273" s="159" t="s">
        <v>161</v>
      </c>
      <c r="S273" s="160"/>
      <c r="T273" s="160"/>
      <c r="U273" s="161"/>
      <c r="V273" s="159" t="s">
        <v>162</v>
      </c>
      <c r="W273" s="160"/>
      <c r="X273" s="160"/>
      <c r="Y273" s="161"/>
      <c r="Z273" s="159" t="s">
        <v>86</v>
      </c>
      <c r="AA273" s="160"/>
      <c r="AB273" s="160"/>
      <c r="AC273" s="161"/>
      <c r="AD273" s="159" t="s">
        <v>87</v>
      </c>
      <c r="AE273" s="160"/>
      <c r="AF273" s="160"/>
      <c r="AG273" s="199"/>
      <c r="AH273" s="1"/>
    </row>
    <row r="274" spans="1:34" s="52" customFormat="1" ht="14.85" customHeight="1" x14ac:dyDescent="0.15">
      <c r="A274" s="959" t="s">
        <v>367</v>
      </c>
      <c r="B274" s="315"/>
      <c r="C274" s="315"/>
      <c r="D274" s="315"/>
      <c r="E274" s="315"/>
      <c r="F274" s="905" t="s">
        <v>372</v>
      </c>
      <c r="G274" s="905"/>
      <c r="H274" s="905"/>
      <c r="I274" s="905"/>
      <c r="J274" s="905"/>
      <c r="K274" s="905"/>
      <c r="L274" s="905"/>
      <c r="M274" s="905"/>
      <c r="N274" s="905"/>
      <c r="O274" s="905"/>
      <c r="P274" s="905"/>
      <c r="Q274" s="906"/>
      <c r="R274" s="315" t="s">
        <v>105</v>
      </c>
      <c r="S274" s="315" t="s">
        <v>105</v>
      </c>
      <c r="T274" s="315"/>
      <c r="U274" s="315"/>
      <c r="V274" s="315" t="s">
        <v>178</v>
      </c>
      <c r="W274" s="315" t="s">
        <v>105</v>
      </c>
      <c r="X274" s="315"/>
      <c r="Y274" s="315"/>
      <c r="Z274" s="315" t="s">
        <v>103</v>
      </c>
      <c r="AA274" s="315"/>
      <c r="AB274" s="315"/>
      <c r="AC274" s="344"/>
      <c r="AD274" s="337" t="s">
        <v>318</v>
      </c>
      <c r="AE274" s="315"/>
      <c r="AF274" s="315"/>
      <c r="AG274" s="338"/>
      <c r="AH274" s="1"/>
    </row>
    <row r="275" spans="1:34" s="52" customFormat="1" ht="14.25" customHeight="1" x14ac:dyDescent="0.15">
      <c r="A275" s="167" t="s">
        <v>373</v>
      </c>
      <c r="B275" s="158"/>
      <c r="C275" s="158"/>
      <c r="D275" s="158"/>
      <c r="E275" s="158"/>
      <c r="F275" s="162" t="s">
        <v>22</v>
      </c>
      <c r="G275" s="162"/>
      <c r="H275" s="162"/>
      <c r="I275" s="162"/>
      <c r="J275" s="162"/>
      <c r="K275" s="162"/>
      <c r="L275" s="162"/>
      <c r="M275" s="162"/>
      <c r="N275" s="162"/>
      <c r="O275" s="162"/>
      <c r="P275" s="162"/>
      <c r="Q275" s="163"/>
      <c r="R275" s="158" t="s">
        <v>333</v>
      </c>
      <c r="S275" s="158"/>
      <c r="T275" s="158"/>
      <c r="U275" s="158"/>
      <c r="V275" s="158" t="s">
        <v>178</v>
      </c>
      <c r="W275" s="158" t="s">
        <v>105</v>
      </c>
      <c r="X275" s="158"/>
      <c r="Y275" s="158"/>
      <c r="Z275" s="158" t="s">
        <v>374</v>
      </c>
      <c r="AA275" s="158"/>
      <c r="AB275" s="158"/>
      <c r="AC275" s="164"/>
      <c r="AD275" s="165" t="s">
        <v>560</v>
      </c>
      <c r="AE275" s="158"/>
      <c r="AF275" s="158"/>
      <c r="AG275" s="166"/>
      <c r="AH275" s="1"/>
    </row>
    <row r="276" spans="1:34" s="52" customFormat="1" ht="14.25" customHeight="1" x14ac:dyDescent="0.15">
      <c r="A276" s="167" t="s">
        <v>373</v>
      </c>
      <c r="B276" s="158"/>
      <c r="C276" s="158"/>
      <c r="D276" s="158"/>
      <c r="E276" s="158"/>
      <c r="F276" s="162" t="s">
        <v>23</v>
      </c>
      <c r="G276" s="162"/>
      <c r="H276" s="162"/>
      <c r="I276" s="162"/>
      <c r="J276" s="162"/>
      <c r="K276" s="162"/>
      <c r="L276" s="162"/>
      <c r="M276" s="162"/>
      <c r="N276" s="162"/>
      <c r="O276" s="162"/>
      <c r="P276" s="162"/>
      <c r="Q276" s="163"/>
      <c r="R276" s="158" t="s">
        <v>333</v>
      </c>
      <c r="S276" s="158"/>
      <c r="T276" s="158"/>
      <c r="U276" s="158"/>
      <c r="V276" s="158" t="s">
        <v>178</v>
      </c>
      <c r="W276" s="158" t="s">
        <v>105</v>
      </c>
      <c r="X276" s="158"/>
      <c r="Y276" s="158"/>
      <c r="Z276" s="158" t="s">
        <v>323</v>
      </c>
      <c r="AA276" s="158"/>
      <c r="AB276" s="158"/>
      <c r="AC276" s="164"/>
      <c r="AD276" s="165" t="s">
        <v>561</v>
      </c>
      <c r="AE276" s="158"/>
      <c r="AF276" s="158"/>
      <c r="AG276" s="166"/>
      <c r="AH276" s="1"/>
    </row>
    <row r="277" spans="1:34" s="52" customFormat="1" ht="14.25" customHeight="1" x14ac:dyDescent="0.15">
      <c r="A277" s="167" t="s">
        <v>373</v>
      </c>
      <c r="B277" s="158"/>
      <c r="C277" s="158"/>
      <c r="D277" s="158"/>
      <c r="E277" s="158"/>
      <c r="F277" s="162" t="s">
        <v>24</v>
      </c>
      <c r="G277" s="162"/>
      <c r="H277" s="162"/>
      <c r="I277" s="162"/>
      <c r="J277" s="162"/>
      <c r="K277" s="162"/>
      <c r="L277" s="162"/>
      <c r="M277" s="162"/>
      <c r="N277" s="162"/>
      <c r="O277" s="162"/>
      <c r="P277" s="162"/>
      <c r="Q277" s="163"/>
      <c r="R277" s="158" t="s">
        <v>321</v>
      </c>
      <c r="S277" s="158"/>
      <c r="T277" s="158"/>
      <c r="U277" s="158"/>
      <c r="V277" s="158" t="s">
        <v>562</v>
      </c>
      <c r="W277" s="158" t="s">
        <v>375</v>
      </c>
      <c r="X277" s="158"/>
      <c r="Y277" s="158"/>
      <c r="Z277" s="158" t="s">
        <v>376</v>
      </c>
      <c r="AA277" s="158"/>
      <c r="AB277" s="158"/>
      <c r="AC277" s="164"/>
      <c r="AD277" s="165" t="s">
        <v>563</v>
      </c>
      <c r="AE277" s="158"/>
      <c r="AF277" s="158"/>
      <c r="AG277" s="166"/>
      <c r="AH277" s="1"/>
    </row>
    <row r="278" spans="1:34" s="52" customFormat="1" ht="14.25" customHeight="1" x14ac:dyDescent="0.15">
      <c r="A278" s="167" t="s">
        <v>373</v>
      </c>
      <c r="B278" s="158"/>
      <c r="C278" s="158"/>
      <c r="D278" s="158"/>
      <c r="E278" s="158"/>
      <c r="F278" s="162" t="s">
        <v>464</v>
      </c>
      <c r="G278" s="162"/>
      <c r="H278" s="162"/>
      <c r="I278" s="162"/>
      <c r="J278" s="162"/>
      <c r="K278" s="162"/>
      <c r="L278" s="162"/>
      <c r="M278" s="162"/>
      <c r="N278" s="162"/>
      <c r="O278" s="162"/>
      <c r="P278" s="162"/>
      <c r="Q278" s="163"/>
      <c r="R278" s="158" t="s">
        <v>321</v>
      </c>
      <c r="S278" s="158"/>
      <c r="T278" s="158"/>
      <c r="U278" s="158"/>
      <c r="V278" s="158" t="s">
        <v>537</v>
      </c>
      <c r="W278" s="158" t="s">
        <v>322</v>
      </c>
      <c r="X278" s="158"/>
      <c r="Y278" s="158"/>
      <c r="Z278" s="158" t="s">
        <v>376</v>
      </c>
      <c r="AA278" s="158"/>
      <c r="AB278" s="158"/>
      <c r="AC278" s="164"/>
      <c r="AD278" s="165" t="s">
        <v>563</v>
      </c>
      <c r="AE278" s="158"/>
      <c r="AF278" s="158"/>
      <c r="AG278" s="166"/>
      <c r="AH278" s="1"/>
    </row>
    <row r="279" spans="1:34" s="52" customFormat="1" ht="14.25" customHeight="1" x14ac:dyDescent="0.15">
      <c r="A279" s="167" t="s">
        <v>373</v>
      </c>
      <c r="B279" s="158"/>
      <c r="C279" s="158"/>
      <c r="D279" s="158"/>
      <c r="E279" s="158"/>
      <c r="F279" s="162" t="s">
        <v>377</v>
      </c>
      <c r="G279" s="162"/>
      <c r="H279" s="162"/>
      <c r="I279" s="162"/>
      <c r="J279" s="162"/>
      <c r="K279" s="162"/>
      <c r="L279" s="162"/>
      <c r="M279" s="162"/>
      <c r="N279" s="162"/>
      <c r="O279" s="162"/>
      <c r="P279" s="162"/>
      <c r="Q279" s="163"/>
      <c r="R279" s="158" t="s">
        <v>536</v>
      </c>
      <c r="S279" s="158"/>
      <c r="T279" s="158"/>
      <c r="U279" s="158"/>
      <c r="V279" s="158" t="s">
        <v>537</v>
      </c>
      <c r="W279" s="158" t="s">
        <v>322</v>
      </c>
      <c r="X279" s="158"/>
      <c r="Y279" s="158"/>
      <c r="Z279" s="158" t="s">
        <v>378</v>
      </c>
      <c r="AA279" s="158"/>
      <c r="AB279" s="158"/>
      <c r="AC279" s="164"/>
      <c r="AD279" s="165" t="s">
        <v>563</v>
      </c>
      <c r="AE279" s="158"/>
      <c r="AF279" s="158"/>
      <c r="AG279" s="166"/>
      <c r="AH279" s="1"/>
    </row>
    <row r="280" spans="1:34" s="52" customFormat="1" ht="14.25" customHeight="1" x14ac:dyDescent="0.15">
      <c r="A280" s="167" t="s">
        <v>373</v>
      </c>
      <c r="B280" s="158"/>
      <c r="C280" s="158"/>
      <c r="D280" s="158"/>
      <c r="E280" s="158"/>
      <c r="F280" s="162" t="s">
        <v>379</v>
      </c>
      <c r="G280" s="162"/>
      <c r="H280" s="162"/>
      <c r="I280" s="162"/>
      <c r="J280" s="162"/>
      <c r="K280" s="162"/>
      <c r="L280" s="162"/>
      <c r="M280" s="162"/>
      <c r="N280" s="162"/>
      <c r="O280" s="162"/>
      <c r="P280" s="162"/>
      <c r="Q280" s="163"/>
      <c r="R280" s="158" t="s">
        <v>536</v>
      </c>
      <c r="S280" s="158"/>
      <c r="T280" s="158"/>
      <c r="U280" s="158"/>
      <c r="V280" s="158" t="s">
        <v>537</v>
      </c>
      <c r="W280" s="158" t="s">
        <v>322</v>
      </c>
      <c r="X280" s="158"/>
      <c r="Y280" s="158"/>
      <c r="Z280" s="158" t="s">
        <v>378</v>
      </c>
      <c r="AA280" s="158"/>
      <c r="AB280" s="158"/>
      <c r="AC280" s="164"/>
      <c r="AD280" s="165" t="s">
        <v>563</v>
      </c>
      <c r="AE280" s="158"/>
      <c r="AF280" s="158"/>
      <c r="AG280" s="166"/>
      <c r="AH280" s="1"/>
    </row>
    <row r="281" spans="1:34" s="52" customFormat="1" ht="14.25" customHeight="1" x14ac:dyDescent="0.15">
      <c r="A281" s="167" t="s">
        <v>373</v>
      </c>
      <c r="B281" s="158"/>
      <c r="C281" s="158"/>
      <c r="D281" s="158"/>
      <c r="E281" s="158"/>
      <c r="F281" s="162" t="s">
        <v>380</v>
      </c>
      <c r="G281" s="162"/>
      <c r="H281" s="162"/>
      <c r="I281" s="162"/>
      <c r="J281" s="162"/>
      <c r="K281" s="162"/>
      <c r="L281" s="162"/>
      <c r="M281" s="162"/>
      <c r="N281" s="162"/>
      <c r="O281" s="162"/>
      <c r="P281" s="162"/>
      <c r="Q281" s="163"/>
      <c r="R281" s="158" t="s">
        <v>536</v>
      </c>
      <c r="S281" s="158"/>
      <c r="T281" s="158"/>
      <c r="U281" s="158"/>
      <c r="V281" s="158" t="s">
        <v>537</v>
      </c>
      <c r="W281" s="158" t="s">
        <v>322</v>
      </c>
      <c r="X281" s="158"/>
      <c r="Y281" s="158"/>
      <c r="Z281" s="158" t="s">
        <v>308</v>
      </c>
      <c r="AA281" s="158"/>
      <c r="AB281" s="158"/>
      <c r="AC281" s="164"/>
      <c r="AD281" s="165" t="s">
        <v>563</v>
      </c>
      <c r="AE281" s="158"/>
      <c r="AF281" s="158"/>
      <c r="AG281" s="166"/>
      <c r="AH281" s="1"/>
    </row>
    <row r="282" spans="1:34" s="52" customFormat="1" ht="14.25" customHeight="1" x14ac:dyDescent="0.15">
      <c r="A282" s="167" t="s">
        <v>373</v>
      </c>
      <c r="B282" s="158"/>
      <c r="C282" s="158"/>
      <c r="D282" s="158"/>
      <c r="E282" s="158"/>
      <c r="F282" s="162" t="s">
        <v>381</v>
      </c>
      <c r="G282" s="162"/>
      <c r="H282" s="162"/>
      <c r="I282" s="162"/>
      <c r="J282" s="162"/>
      <c r="K282" s="162"/>
      <c r="L282" s="162"/>
      <c r="M282" s="162"/>
      <c r="N282" s="162"/>
      <c r="O282" s="162"/>
      <c r="P282" s="162"/>
      <c r="Q282" s="163"/>
      <c r="R282" s="158" t="s">
        <v>333</v>
      </c>
      <c r="S282" s="158"/>
      <c r="T282" s="158"/>
      <c r="U282" s="158"/>
      <c r="V282" s="158" t="s">
        <v>178</v>
      </c>
      <c r="W282" s="158" t="s">
        <v>105</v>
      </c>
      <c r="X282" s="158"/>
      <c r="Y282" s="158"/>
      <c r="Z282" s="158" t="s">
        <v>301</v>
      </c>
      <c r="AA282" s="158"/>
      <c r="AB282" s="158"/>
      <c r="AC282" s="164"/>
      <c r="AD282" s="165" t="s">
        <v>563</v>
      </c>
      <c r="AE282" s="158"/>
      <c r="AF282" s="158"/>
      <c r="AG282" s="166"/>
      <c r="AH282" s="1"/>
    </row>
    <row r="283" spans="1:34" s="52" customFormat="1" ht="14.25" customHeight="1" x14ac:dyDescent="0.15">
      <c r="A283" s="167" t="s">
        <v>373</v>
      </c>
      <c r="B283" s="158"/>
      <c r="C283" s="158"/>
      <c r="D283" s="158"/>
      <c r="E283" s="158"/>
      <c r="F283" s="162" t="s">
        <v>465</v>
      </c>
      <c r="G283" s="162"/>
      <c r="H283" s="162"/>
      <c r="I283" s="162"/>
      <c r="J283" s="162"/>
      <c r="K283" s="162"/>
      <c r="L283" s="162"/>
      <c r="M283" s="162"/>
      <c r="N283" s="162"/>
      <c r="O283" s="162"/>
      <c r="P283" s="162"/>
      <c r="Q283" s="163"/>
      <c r="R283" s="158" t="s">
        <v>321</v>
      </c>
      <c r="S283" s="158"/>
      <c r="T283" s="158"/>
      <c r="U283" s="158"/>
      <c r="V283" s="158" t="s">
        <v>537</v>
      </c>
      <c r="W283" s="158" t="s">
        <v>322</v>
      </c>
      <c r="X283" s="158"/>
      <c r="Y283" s="158"/>
      <c r="Z283" s="158" t="s">
        <v>323</v>
      </c>
      <c r="AA283" s="158"/>
      <c r="AB283" s="158"/>
      <c r="AC283" s="164"/>
      <c r="AD283" s="165" t="s">
        <v>382</v>
      </c>
      <c r="AE283" s="158"/>
      <c r="AF283" s="158"/>
      <c r="AG283" s="166"/>
      <c r="AH283" s="1"/>
    </row>
    <row r="284" spans="1:34" s="52" customFormat="1" ht="14.25" customHeight="1" x14ac:dyDescent="0.15">
      <c r="A284" s="167" t="s">
        <v>373</v>
      </c>
      <c r="B284" s="158"/>
      <c r="C284" s="158"/>
      <c r="D284" s="158"/>
      <c r="E284" s="158"/>
      <c r="F284" s="162" t="s">
        <v>383</v>
      </c>
      <c r="G284" s="162"/>
      <c r="H284" s="162"/>
      <c r="I284" s="162"/>
      <c r="J284" s="162"/>
      <c r="K284" s="162"/>
      <c r="L284" s="162"/>
      <c r="M284" s="162"/>
      <c r="N284" s="162"/>
      <c r="O284" s="162"/>
      <c r="P284" s="162"/>
      <c r="Q284" s="163"/>
      <c r="R284" s="158" t="s">
        <v>333</v>
      </c>
      <c r="S284" s="158"/>
      <c r="T284" s="158"/>
      <c r="U284" s="158"/>
      <c r="V284" s="158" t="s">
        <v>178</v>
      </c>
      <c r="W284" s="158" t="s">
        <v>105</v>
      </c>
      <c r="X284" s="158"/>
      <c r="Y284" s="158"/>
      <c r="Z284" s="158" t="s">
        <v>295</v>
      </c>
      <c r="AA284" s="158"/>
      <c r="AB284" s="158"/>
      <c r="AC284" s="164"/>
      <c r="AD284" s="165" t="s">
        <v>382</v>
      </c>
      <c r="AE284" s="158"/>
      <c r="AF284" s="158"/>
      <c r="AG284" s="166"/>
      <c r="AH284" s="1"/>
    </row>
    <row r="285" spans="1:34" s="52" customFormat="1" ht="14.25" customHeight="1" x14ac:dyDescent="0.15">
      <c r="A285" s="167" t="s">
        <v>373</v>
      </c>
      <c r="B285" s="158"/>
      <c r="C285" s="158"/>
      <c r="D285" s="158"/>
      <c r="E285" s="158"/>
      <c r="F285" s="86" t="s">
        <v>384</v>
      </c>
      <c r="G285" s="86"/>
      <c r="H285" s="86"/>
      <c r="I285" s="86"/>
      <c r="J285" s="86"/>
      <c r="K285" s="86"/>
      <c r="L285" s="86"/>
      <c r="M285" s="86"/>
      <c r="N285" s="86"/>
      <c r="O285" s="86"/>
      <c r="P285" s="86"/>
      <c r="Q285" s="87"/>
      <c r="R285" s="158" t="s">
        <v>284</v>
      </c>
      <c r="S285" s="158"/>
      <c r="T285" s="158"/>
      <c r="U285" s="158"/>
      <c r="V285" s="158" t="s">
        <v>385</v>
      </c>
      <c r="W285" s="158" t="s">
        <v>105</v>
      </c>
      <c r="X285" s="158"/>
      <c r="Y285" s="158"/>
      <c r="Z285" s="158" t="s">
        <v>386</v>
      </c>
      <c r="AA285" s="158"/>
      <c r="AB285" s="158"/>
      <c r="AC285" s="164"/>
      <c r="AD285" s="165" t="s">
        <v>564</v>
      </c>
      <c r="AE285" s="158"/>
      <c r="AF285" s="158"/>
      <c r="AG285" s="166"/>
      <c r="AH285" s="1"/>
    </row>
    <row r="286" spans="1:34" s="52" customFormat="1" ht="14.25" customHeight="1" x14ac:dyDescent="0.15">
      <c r="A286" s="167" t="s">
        <v>373</v>
      </c>
      <c r="B286" s="158"/>
      <c r="C286" s="158"/>
      <c r="D286" s="158"/>
      <c r="E286" s="158"/>
      <c r="F286" s="162" t="s">
        <v>387</v>
      </c>
      <c r="G286" s="162"/>
      <c r="H286" s="162"/>
      <c r="I286" s="162"/>
      <c r="J286" s="162"/>
      <c r="K286" s="162"/>
      <c r="L286" s="162"/>
      <c r="M286" s="162"/>
      <c r="N286" s="162"/>
      <c r="O286" s="162"/>
      <c r="P286" s="162"/>
      <c r="Q286" s="163"/>
      <c r="R286" s="165" t="s">
        <v>284</v>
      </c>
      <c r="S286" s="158"/>
      <c r="T286" s="158"/>
      <c r="U286" s="158"/>
      <c r="V286" s="158" t="s">
        <v>291</v>
      </c>
      <c r="W286" s="158" t="s">
        <v>105</v>
      </c>
      <c r="X286" s="158"/>
      <c r="Y286" s="158"/>
      <c r="Z286" s="158" t="s">
        <v>351</v>
      </c>
      <c r="AA286" s="158"/>
      <c r="AB286" s="158"/>
      <c r="AC286" s="164"/>
      <c r="AD286" s="165" t="s">
        <v>388</v>
      </c>
      <c r="AE286" s="158"/>
      <c r="AF286" s="158"/>
      <c r="AG286" s="166"/>
      <c r="AH286" s="1"/>
    </row>
    <row r="287" spans="1:34" s="52" customFormat="1" ht="14.25" customHeight="1" x14ac:dyDescent="0.15">
      <c r="A287" s="167" t="s">
        <v>373</v>
      </c>
      <c r="B287" s="158"/>
      <c r="C287" s="158"/>
      <c r="D287" s="158"/>
      <c r="E287" s="158"/>
      <c r="F287" s="162" t="s">
        <v>389</v>
      </c>
      <c r="G287" s="162"/>
      <c r="H287" s="162"/>
      <c r="I287" s="162"/>
      <c r="J287" s="162"/>
      <c r="K287" s="162"/>
      <c r="L287" s="162"/>
      <c r="M287" s="162"/>
      <c r="N287" s="162"/>
      <c r="O287" s="162"/>
      <c r="P287" s="162"/>
      <c r="Q287" s="163"/>
      <c r="R287" s="165" t="s">
        <v>284</v>
      </c>
      <c r="S287" s="158"/>
      <c r="T287" s="158"/>
      <c r="U287" s="158"/>
      <c r="V287" s="158" t="s">
        <v>294</v>
      </c>
      <c r="W287" s="158"/>
      <c r="X287" s="158"/>
      <c r="Y287" s="158"/>
      <c r="Z287" s="158" t="s">
        <v>292</v>
      </c>
      <c r="AA287" s="158"/>
      <c r="AB287" s="158"/>
      <c r="AC287" s="164"/>
      <c r="AD287" s="165" t="s">
        <v>565</v>
      </c>
      <c r="AE287" s="158"/>
      <c r="AF287" s="158"/>
      <c r="AG287" s="166"/>
      <c r="AH287" s="1"/>
    </row>
    <row r="288" spans="1:34" s="52" customFormat="1" ht="14.25" customHeight="1" x14ac:dyDescent="0.15">
      <c r="A288" s="167" t="s">
        <v>373</v>
      </c>
      <c r="B288" s="158"/>
      <c r="C288" s="158"/>
      <c r="D288" s="158"/>
      <c r="E288" s="158"/>
      <c r="F288" s="162" t="s">
        <v>390</v>
      </c>
      <c r="G288" s="162"/>
      <c r="H288" s="162"/>
      <c r="I288" s="162"/>
      <c r="J288" s="162"/>
      <c r="K288" s="162"/>
      <c r="L288" s="162"/>
      <c r="M288" s="162"/>
      <c r="N288" s="162"/>
      <c r="O288" s="162"/>
      <c r="P288" s="162"/>
      <c r="Q288" s="163"/>
      <c r="R288" s="165" t="s">
        <v>284</v>
      </c>
      <c r="S288" s="158"/>
      <c r="T288" s="158"/>
      <c r="U288" s="158"/>
      <c r="V288" s="158" t="s">
        <v>294</v>
      </c>
      <c r="W288" s="158"/>
      <c r="X288" s="158"/>
      <c r="Y288" s="158"/>
      <c r="Z288" s="158" t="s">
        <v>391</v>
      </c>
      <c r="AA288" s="158"/>
      <c r="AB288" s="158"/>
      <c r="AC288" s="164"/>
      <c r="AD288" s="165" t="s">
        <v>392</v>
      </c>
      <c r="AE288" s="158"/>
      <c r="AF288" s="158"/>
      <c r="AG288" s="166"/>
      <c r="AH288" s="1"/>
    </row>
    <row r="289" spans="1:34" s="52" customFormat="1" ht="14.25" customHeight="1" x14ac:dyDescent="0.15">
      <c r="A289" s="167" t="s">
        <v>373</v>
      </c>
      <c r="B289" s="158"/>
      <c r="C289" s="158"/>
      <c r="D289" s="158"/>
      <c r="E289" s="158"/>
      <c r="F289" s="162" t="s">
        <v>393</v>
      </c>
      <c r="G289" s="162"/>
      <c r="H289" s="162"/>
      <c r="I289" s="162"/>
      <c r="J289" s="162"/>
      <c r="K289" s="162"/>
      <c r="L289" s="162"/>
      <c r="M289" s="162"/>
      <c r="N289" s="162"/>
      <c r="O289" s="162"/>
      <c r="P289" s="162"/>
      <c r="Q289" s="163"/>
      <c r="R289" s="165" t="s">
        <v>284</v>
      </c>
      <c r="S289" s="158"/>
      <c r="T289" s="158"/>
      <c r="U289" s="158"/>
      <c r="V289" s="158" t="s">
        <v>294</v>
      </c>
      <c r="W289" s="158"/>
      <c r="X289" s="158"/>
      <c r="Y289" s="158"/>
      <c r="Z289" s="158" t="s">
        <v>394</v>
      </c>
      <c r="AA289" s="158"/>
      <c r="AB289" s="158"/>
      <c r="AC289" s="164"/>
      <c r="AD289" s="165" t="s">
        <v>395</v>
      </c>
      <c r="AE289" s="158"/>
      <c r="AF289" s="158"/>
      <c r="AG289" s="166"/>
    </row>
    <row r="290" spans="1:34" s="1" customFormat="1" ht="14.25" customHeight="1" x14ac:dyDescent="0.15">
      <c r="A290" s="167" t="s">
        <v>373</v>
      </c>
      <c r="B290" s="158"/>
      <c r="C290" s="158"/>
      <c r="D290" s="158"/>
      <c r="E290" s="158"/>
      <c r="F290" s="162" t="s">
        <v>396</v>
      </c>
      <c r="G290" s="162"/>
      <c r="H290" s="162"/>
      <c r="I290" s="162"/>
      <c r="J290" s="162"/>
      <c r="K290" s="162"/>
      <c r="L290" s="162"/>
      <c r="M290" s="162"/>
      <c r="N290" s="162"/>
      <c r="O290" s="162"/>
      <c r="P290" s="162"/>
      <c r="Q290" s="163"/>
      <c r="R290" s="165" t="s">
        <v>284</v>
      </c>
      <c r="S290" s="158"/>
      <c r="T290" s="158"/>
      <c r="U290" s="158"/>
      <c r="V290" s="158" t="s">
        <v>294</v>
      </c>
      <c r="W290" s="158"/>
      <c r="X290" s="158"/>
      <c r="Y290" s="158"/>
      <c r="Z290" s="158" t="s">
        <v>474</v>
      </c>
      <c r="AA290" s="158"/>
      <c r="AB290" s="158"/>
      <c r="AC290" s="164"/>
      <c r="AD290" s="165" t="s">
        <v>395</v>
      </c>
      <c r="AE290" s="158"/>
      <c r="AF290" s="158"/>
      <c r="AG290" s="166"/>
    </row>
    <row r="291" spans="1:34" s="52" customFormat="1" ht="14.25" customHeight="1" x14ac:dyDescent="0.15">
      <c r="A291" s="167" t="s">
        <v>373</v>
      </c>
      <c r="B291" s="158"/>
      <c r="C291" s="158"/>
      <c r="D291" s="158"/>
      <c r="E291" s="158"/>
      <c r="F291" s="162" t="s">
        <v>397</v>
      </c>
      <c r="G291" s="162"/>
      <c r="H291" s="162"/>
      <c r="I291" s="162"/>
      <c r="J291" s="162"/>
      <c r="K291" s="162"/>
      <c r="L291" s="162"/>
      <c r="M291" s="162"/>
      <c r="N291" s="162"/>
      <c r="O291" s="162"/>
      <c r="P291" s="162"/>
      <c r="Q291" s="163"/>
      <c r="R291" s="165" t="s">
        <v>284</v>
      </c>
      <c r="S291" s="158"/>
      <c r="T291" s="158"/>
      <c r="U291" s="158"/>
      <c r="V291" s="158" t="s">
        <v>294</v>
      </c>
      <c r="W291" s="158"/>
      <c r="X291" s="158"/>
      <c r="Y291" s="158"/>
      <c r="Z291" s="158" t="s">
        <v>475</v>
      </c>
      <c r="AA291" s="158"/>
      <c r="AB291" s="158"/>
      <c r="AC291" s="164"/>
      <c r="AD291" s="165" t="s">
        <v>398</v>
      </c>
      <c r="AE291" s="158"/>
      <c r="AF291" s="158"/>
      <c r="AG291" s="166"/>
      <c r="AH291" s="1"/>
    </row>
    <row r="292" spans="1:34" s="52" customFormat="1" ht="14.25" customHeight="1" x14ac:dyDescent="0.15">
      <c r="A292" s="167" t="s">
        <v>373</v>
      </c>
      <c r="B292" s="158"/>
      <c r="C292" s="158"/>
      <c r="D292" s="158"/>
      <c r="E292" s="158"/>
      <c r="F292" s="162" t="s">
        <v>399</v>
      </c>
      <c r="G292" s="162"/>
      <c r="H292" s="162"/>
      <c r="I292" s="162"/>
      <c r="J292" s="162"/>
      <c r="K292" s="162"/>
      <c r="L292" s="162"/>
      <c r="M292" s="162"/>
      <c r="N292" s="162"/>
      <c r="O292" s="162"/>
      <c r="P292" s="162"/>
      <c r="Q292" s="163"/>
      <c r="R292" s="165" t="s">
        <v>284</v>
      </c>
      <c r="S292" s="158"/>
      <c r="T292" s="158"/>
      <c r="U292" s="158"/>
      <c r="V292" s="158" t="s">
        <v>294</v>
      </c>
      <c r="W292" s="158"/>
      <c r="X292" s="158"/>
      <c r="Y292" s="158"/>
      <c r="Z292" s="158" t="s">
        <v>476</v>
      </c>
      <c r="AA292" s="158"/>
      <c r="AB292" s="158"/>
      <c r="AC292" s="164"/>
      <c r="AD292" s="165" t="s">
        <v>398</v>
      </c>
      <c r="AE292" s="158"/>
      <c r="AF292" s="158"/>
      <c r="AG292" s="166"/>
      <c r="AH292" s="1"/>
    </row>
    <row r="293" spans="1:34" s="52" customFormat="1" ht="14.25" customHeight="1" x14ac:dyDescent="0.15">
      <c r="A293" s="167" t="s">
        <v>373</v>
      </c>
      <c r="B293" s="158"/>
      <c r="C293" s="158"/>
      <c r="D293" s="158"/>
      <c r="E293" s="158"/>
      <c r="F293" s="162" t="s">
        <v>400</v>
      </c>
      <c r="G293" s="162"/>
      <c r="H293" s="162"/>
      <c r="I293" s="162"/>
      <c r="J293" s="162"/>
      <c r="K293" s="162"/>
      <c r="L293" s="162"/>
      <c r="M293" s="162"/>
      <c r="N293" s="162"/>
      <c r="O293" s="162"/>
      <c r="P293" s="162"/>
      <c r="Q293" s="163"/>
      <c r="R293" s="165" t="s">
        <v>284</v>
      </c>
      <c r="S293" s="158"/>
      <c r="T293" s="158"/>
      <c r="U293" s="158"/>
      <c r="V293" s="158" t="s">
        <v>291</v>
      </c>
      <c r="W293" s="158" t="s">
        <v>105</v>
      </c>
      <c r="X293" s="158"/>
      <c r="Y293" s="158"/>
      <c r="Z293" s="158" t="s">
        <v>401</v>
      </c>
      <c r="AA293" s="158"/>
      <c r="AB293" s="158"/>
      <c r="AC293" s="164"/>
      <c r="AD293" s="165" t="s">
        <v>402</v>
      </c>
      <c r="AE293" s="158"/>
      <c r="AF293" s="158"/>
      <c r="AG293" s="166"/>
      <c r="AH293" s="1"/>
    </row>
    <row r="294" spans="1:34" s="52" customFormat="1" ht="14.25" customHeight="1" x14ac:dyDescent="0.15">
      <c r="A294" s="167" t="s">
        <v>373</v>
      </c>
      <c r="B294" s="158"/>
      <c r="C294" s="158"/>
      <c r="D294" s="158"/>
      <c r="E294" s="158"/>
      <c r="F294" s="162" t="s">
        <v>403</v>
      </c>
      <c r="G294" s="162"/>
      <c r="H294" s="162"/>
      <c r="I294" s="162"/>
      <c r="J294" s="162"/>
      <c r="K294" s="162"/>
      <c r="L294" s="162"/>
      <c r="M294" s="162"/>
      <c r="N294" s="162"/>
      <c r="O294" s="162"/>
      <c r="P294" s="162"/>
      <c r="Q294" s="163"/>
      <c r="R294" s="165" t="s">
        <v>284</v>
      </c>
      <c r="S294" s="158"/>
      <c r="T294" s="158"/>
      <c r="U294" s="158"/>
      <c r="V294" s="158" t="s">
        <v>291</v>
      </c>
      <c r="W294" s="158"/>
      <c r="X294" s="158"/>
      <c r="Y294" s="158"/>
      <c r="Z294" s="158" t="s">
        <v>477</v>
      </c>
      <c r="AA294" s="158"/>
      <c r="AB294" s="158"/>
      <c r="AC294" s="164"/>
      <c r="AD294" s="165" t="s">
        <v>402</v>
      </c>
      <c r="AE294" s="158"/>
      <c r="AF294" s="158"/>
      <c r="AG294" s="166"/>
      <c r="AH294" s="1"/>
    </row>
    <row r="295" spans="1:34" s="52" customFormat="1" ht="14.25" customHeight="1" x14ac:dyDescent="0.15">
      <c r="A295" s="167" t="s">
        <v>373</v>
      </c>
      <c r="B295" s="158"/>
      <c r="C295" s="158"/>
      <c r="D295" s="158"/>
      <c r="E295" s="158"/>
      <c r="F295" s="162" t="s">
        <v>404</v>
      </c>
      <c r="G295" s="162"/>
      <c r="H295" s="162"/>
      <c r="I295" s="162"/>
      <c r="J295" s="162"/>
      <c r="K295" s="162"/>
      <c r="L295" s="162"/>
      <c r="M295" s="162"/>
      <c r="N295" s="162"/>
      <c r="O295" s="162"/>
      <c r="P295" s="162"/>
      <c r="Q295" s="163"/>
      <c r="R295" s="165" t="s">
        <v>284</v>
      </c>
      <c r="S295" s="158"/>
      <c r="T295" s="158"/>
      <c r="U295" s="158"/>
      <c r="V295" s="158" t="s">
        <v>566</v>
      </c>
      <c r="W295" s="158"/>
      <c r="X295" s="158"/>
      <c r="Y295" s="158"/>
      <c r="Z295" s="158" t="s">
        <v>478</v>
      </c>
      <c r="AA295" s="158"/>
      <c r="AB295" s="158"/>
      <c r="AC295" s="164"/>
      <c r="AD295" s="165" t="s">
        <v>405</v>
      </c>
      <c r="AE295" s="158"/>
      <c r="AF295" s="158"/>
      <c r="AG295" s="166"/>
      <c r="AH295" s="1"/>
    </row>
    <row r="296" spans="1:34" s="52" customFormat="1" ht="14.25" customHeight="1" x14ac:dyDescent="0.15">
      <c r="A296" s="167" t="s">
        <v>373</v>
      </c>
      <c r="B296" s="158"/>
      <c r="C296" s="158"/>
      <c r="D296" s="158"/>
      <c r="E296" s="158"/>
      <c r="F296" s="162" t="s">
        <v>406</v>
      </c>
      <c r="G296" s="162"/>
      <c r="H296" s="162"/>
      <c r="I296" s="162"/>
      <c r="J296" s="162"/>
      <c r="K296" s="162"/>
      <c r="L296" s="162"/>
      <c r="M296" s="162"/>
      <c r="N296" s="162"/>
      <c r="O296" s="162"/>
      <c r="P296" s="162"/>
      <c r="Q296" s="163"/>
      <c r="R296" s="165" t="s">
        <v>284</v>
      </c>
      <c r="S296" s="158"/>
      <c r="T296" s="158"/>
      <c r="U296" s="158"/>
      <c r="V296" s="201" t="s">
        <v>482</v>
      </c>
      <c r="W296" s="886"/>
      <c r="X296" s="886"/>
      <c r="Y296" s="886"/>
      <c r="Z296" s="158" t="s">
        <v>103</v>
      </c>
      <c r="AA296" s="158"/>
      <c r="AB296" s="158"/>
      <c r="AC296" s="164"/>
      <c r="AD296" s="165" t="s">
        <v>405</v>
      </c>
      <c r="AE296" s="158"/>
      <c r="AF296" s="158"/>
      <c r="AG296" s="166"/>
      <c r="AH296" s="1"/>
    </row>
    <row r="297" spans="1:34" s="52" customFormat="1" ht="14.25" customHeight="1" x14ac:dyDescent="0.15">
      <c r="A297" s="167" t="s">
        <v>373</v>
      </c>
      <c r="B297" s="158"/>
      <c r="C297" s="158"/>
      <c r="D297" s="158"/>
      <c r="E297" s="158"/>
      <c r="F297" s="162" t="s">
        <v>567</v>
      </c>
      <c r="G297" s="162"/>
      <c r="H297" s="162"/>
      <c r="I297" s="162"/>
      <c r="J297" s="162"/>
      <c r="K297" s="162"/>
      <c r="L297" s="162"/>
      <c r="M297" s="162"/>
      <c r="N297" s="162"/>
      <c r="O297" s="162"/>
      <c r="P297" s="162"/>
      <c r="Q297" s="163"/>
      <c r="R297" s="165" t="s">
        <v>469</v>
      </c>
      <c r="S297" s="158"/>
      <c r="T297" s="158"/>
      <c r="U297" s="158"/>
      <c r="V297" s="201" t="s">
        <v>568</v>
      </c>
      <c r="W297" s="201"/>
      <c r="X297" s="201"/>
      <c r="Y297" s="201"/>
      <c r="Z297" s="158" t="s">
        <v>569</v>
      </c>
      <c r="AA297" s="158"/>
      <c r="AB297" s="158"/>
      <c r="AC297" s="164"/>
      <c r="AD297" s="206" t="s">
        <v>570</v>
      </c>
      <c r="AE297" s="158"/>
      <c r="AF297" s="158"/>
      <c r="AG297" s="166"/>
      <c r="AH297" s="1"/>
    </row>
    <row r="298" spans="1:34" s="52" customFormat="1" ht="14.25" customHeight="1" x14ac:dyDescent="0.15">
      <c r="A298" s="167" t="s">
        <v>373</v>
      </c>
      <c r="B298" s="158"/>
      <c r="C298" s="158"/>
      <c r="D298" s="158"/>
      <c r="E298" s="158"/>
      <c r="F298" s="162" t="s">
        <v>571</v>
      </c>
      <c r="G298" s="162"/>
      <c r="H298" s="162"/>
      <c r="I298" s="162"/>
      <c r="J298" s="162"/>
      <c r="K298" s="162"/>
      <c r="L298" s="162"/>
      <c r="M298" s="162"/>
      <c r="N298" s="162"/>
      <c r="O298" s="162"/>
      <c r="P298" s="162"/>
      <c r="Q298" s="163"/>
      <c r="R298" s="165" t="s">
        <v>466</v>
      </c>
      <c r="S298" s="158"/>
      <c r="T298" s="158"/>
      <c r="U298" s="158"/>
      <c r="V298" s="201" t="s">
        <v>572</v>
      </c>
      <c r="W298" s="886"/>
      <c r="X298" s="886"/>
      <c r="Y298" s="886"/>
      <c r="Z298" s="158" t="s">
        <v>573</v>
      </c>
      <c r="AA298" s="158"/>
      <c r="AB298" s="158"/>
      <c r="AC298" s="164"/>
      <c r="AD298" s="165" t="s">
        <v>574</v>
      </c>
      <c r="AE298" s="158"/>
      <c r="AF298" s="158"/>
      <c r="AG298" s="166"/>
      <c r="AH298" s="1"/>
    </row>
    <row r="299" spans="1:34" s="52" customFormat="1" ht="14.25" customHeight="1" x14ac:dyDescent="0.15">
      <c r="A299" s="968" t="s">
        <v>373</v>
      </c>
      <c r="B299" s="261"/>
      <c r="C299" s="261"/>
      <c r="D299" s="261"/>
      <c r="E299" s="261"/>
      <c r="F299" s="907" t="s">
        <v>20</v>
      </c>
      <c r="G299" s="907"/>
      <c r="H299" s="907"/>
      <c r="I299" s="907"/>
      <c r="J299" s="907"/>
      <c r="K299" s="907"/>
      <c r="L299" s="907"/>
      <c r="M299" s="907"/>
      <c r="N299" s="907"/>
      <c r="O299" s="907"/>
      <c r="P299" s="907"/>
      <c r="Q299" s="908"/>
      <c r="R299" s="722" t="s">
        <v>575</v>
      </c>
      <c r="S299" s="261"/>
      <c r="T299" s="261"/>
      <c r="U299" s="261"/>
      <c r="V299" s="974" t="s">
        <v>530</v>
      </c>
      <c r="W299" s="975"/>
      <c r="X299" s="975"/>
      <c r="Y299" s="975"/>
      <c r="Z299" s="261" t="s">
        <v>576</v>
      </c>
      <c r="AA299" s="261"/>
      <c r="AB299" s="261"/>
      <c r="AC299" s="898"/>
      <c r="AD299" s="722" t="s">
        <v>577</v>
      </c>
      <c r="AE299" s="261"/>
      <c r="AF299" s="261"/>
      <c r="AG299" s="723"/>
      <c r="AH299" s="1"/>
    </row>
    <row r="300" spans="1:34" s="52" customFormat="1" ht="14.85" customHeight="1" x14ac:dyDescent="0.15">
      <c r="A300" s="1"/>
      <c r="B300" s="1"/>
      <c r="C300" s="1"/>
      <c r="D300" s="1"/>
      <c r="E300" s="1"/>
      <c r="F300" s="1"/>
      <c r="G300" s="1"/>
      <c r="H300" s="1"/>
      <c r="I300" s="1"/>
      <c r="J300" s="1"/>
      <c r="K300" s="1"/>
      <c r="L300" s="1"/>
      <c r="M300" s="1"/>
      <c r="N300" s="1"/>
      <c r="O300" s="1"/>
      <c r="P300" s="1"/>
      <c r="Q300" s="1"/>
      <c r="R300" s="1"/>
      <c r="S300" s="1"/>
      <c r="T300" s="1"/>
      <c r="U300" s="1"/>
      <c r="V300" s="1"/>
      <c r="W300" s="1"/>
      <c r="X300" s="1"/>
      <c r="Y300" s="1"/>
      <c r="Z300" s="1"/>
      <c r="AA300" s="3"/>
      <c r="AB300" s="3"/>
      <c r="AC300" s="3"/>
      <c r="AD300" s="3"/>
      <c r="AE300" s="3"/>
      <c r="AF300" s="3"/>
      <c r="AG300" s="3" t="s">
        <v>459</v>
      </c>
      <c r="AH300" s="1"/>
    </row>
    <row r="301" spans="1:34" s="52" customFormat="1" ht="14.85" customHeight="1" x14ac:dyDescent="0.15">
      <c r="A301" s="1"/>
      <c r="B301" s="1"/>
      <c r="C301" s="1"/>
      <c r="D301" s="1"/>
      <c r="E301" s="1"/>
      <c r="F301" s="1"/>
      <c r="G301" s="1"/>
      <c r="H301" s="1"/>
      <c r="I301" s="1"/>
      <c r="J301" s="1"/>
      <c r="K301" s="1"/>
      <c r="L301" s="1"/>
      <c r="M301" s="1"/>
      <c r="N301" s="1"/>
      <c r="O301" s="1"/>
      <c r="P301" s="1"/>
      <c r="Q301" s="1"/>
      <c r="R301" s="1"/>
      <c r="S301" s="1"/>
      <c r="T301" s="1"/>
      <c r="U301" s="1"/>
      <c r="V301" s="1"/>
      <c r="W301" s="1"/>
      <c r="X301" s="1"/>
      <c r="Y301" s="1"/>
      <c r="Z301" s="1"/>
      <c r="AA301" s="1"/>
      <c r="AB301" s="3"/>
      <c r="AC301" s="3"/>
      <c r="AD301" s="3"/>
      <c r="AE301" s="3"/>
      <c r="AF301" s="3"/>
      <c r="AG301" s="3"/>
      <c r="AH301" s="1"/>
    </row>
    <row r="302" spans="1:34" s="52" customFormat="1" ht="14.85" customHeight="1" x14ac:dyDescent="0.15">
      <c r="A302" s="4" t="s">
        <v>258</v>
      </c>
      <c r="B302" s="1"/>
      <c r="C302" s="1"/>
      <c r="D302" s="1"/>
      <c r="E302" s="1"/>
      <c r="F302" s="1"/>
      <c r="G302" s="1"/>
      <c r="H302" s="1"/>
      <c r="I302" s="1"/>
      <c r="J302" s="1"/>
      <c r="K302" s="1"/>
      <c r="L302" s="1"/>
      <c r="M302" s="1"/>
      <c r="N302" s="1"/>
      <c r="O302" s="1"/>
      <c r="P302" s="1"/>
      <c r="Q302" s="1"/>
      <c r="R302" s="1"/>
      <c r="S302" s="1"/>
      <c r="T302" s="1"/>
      <c r="U302" s="1"/>
      <c r="V302" s="1"/>
      <c r="W302" s="1"/>
      <c r="X302" s="1"/>
      <c r="Y302" s="1"/>
      <c r="Z302" s="3"/>
      <c r="AA302" s="3"/>
      <c r="AB302" s="3"/>
      <c r="AC302" s="3"/>
      <c r="AD302" s="3"/>
      <c r="AE302" s="3"/>
      <c r="AF302" s="3"/>
      <c r="AG302" s="3"/>
      <c r="AH302" s="1"/>
    </row>
    <row r="303" spans="1:34" s="52" customFormat="1" ht="14.85" customHeight="1" x14ac:dyDescent="0.15">
      <c r="A303" s="4"/>
      <c r="B303" s="1" t="s">
        <v>609</v>
      </c>
      <c r="C303" s="1"/>
      <c r="D303" s="1"/>
      <c r="E303" s="1"/>
      <c r="F303" s="1"/>
      <c r="G303" s="1"/>
      <c r="H303" s="1"/>
      <c r="I303" s="1"/>
      <c r="J303" s="1"/>
      <c r="K303" s="1"/>
      <c r="L303" s="1"/>
      <c r="M303" s="1"/>
      <c r="N303" s="1"/>
      <c r="O303" s="1"/>
      <c r="P303" s="1"/>
      <c r="Q303" s="1"/>
      <c r="R303" s="1"/>
      <c r="S303" s="1"/>
      <c r="T303" s="1"/>
      <c r="U303" s="1"/>
      <c r="V303" s="1"/>
      <c r="W303" s="1"/>
      <c r="X303" s="1"/>
      <c r="Y303" s="1"/>
      <c r="Z303" s="1"/>
      <c r="AA303" s="1"/>
      <c r="AB303" s="1"/>
      <c r="AC303" s="1"/>
      <c r="AD303" s="5"/>
      <c r="AE303" s="5"/>
      <c r="AF303" s="5"/>
      <c r="AG303" s="19" t="s">
        <v>181</v>
      </c>
      <c r="AH303" s="1"/>
    </row>
    <row r="304" spans="1:34" s="52" customFormat="1" ht="14.85" customHeight="1" x14ac:dyDescent="0.15">
      <c r="A304" s="588" t="s">
        <v>106</v>
      </c>
      <c r="B304" s="589"/>
      <c r="C304" s="589"/>
      <c r="D304" s="589"/>
      <c r="E304" s="589"/>
      <c r="F304" s="589"/>
      <c r="G304" s="589"/>
      <c r="H304" s="590"/>
      <c r="I304" s="533" t="s">
        <v>112</v>
      </c>
      <c r="J304" s="534"/>
      <c r="K304" s="534"/>
      <c r="L304" s="534"/>
      <c r="M304" s="534"/>
      <c r="N304" s="534"/>
      <c r="O304" s="539"/>
      <c r="P304" s="533" t="s">
        <v>113</v>
      </c>
      <c r="Q304" s="534"/>
      <c r="R304" s="534"/>
      <c r="S304" s="534"/>
      <c r="T304" s="534"/>
      <c r="U304" s="539"/>
      <c r="V304" s="533" t="s">
        <v>114</v>
      </c>
      <c r="W304" s="534"/>
      <c r="X304" s="534"/>
      <c r="Y304" s="534"/>
      <c r="Z304" s="534"/>
      <c r="AA304" s="539"/>
      <c r="AB304" s="945" t="s">
        <v>182</v>
      </c>
      <c r="AC304" s="946"/>
      <c r="AD304" s="946"/>
      <c r="AE304" s="946"/>
      <c r="AF304" s="946"/>
      <c r="AG304" s="947"/>
      <c r="AH304" s="1"/>
    </row>
    <row r="305" spans="1:34" s="52" customFormat="1" ht="14.85" customHeight="1" x14ac:dyDescent="0.15">
      <c r="A305" s="544" t="s">
        <v>115</v>
      </c>
      <c r="B305" s="545"/>
      <c r="C305" s="545"/>
      <c r="D305" s="545"/>
      <c r="E305" s="545"/>
      <c r="F305" s="545"/>
      <c r="G305" s="545"/>
      <c r="H305" s="546"/>
      <c r="I305" s="536"/>
      <c r="J305" s="537"/>
      <c r="K305" s="537"/>
      <c r="L305" s="537"/>
      <c r="M305" s="537"/>
      <c r="N305" s="537"/>
      <c r="O305" s="540"/>
      <c r="P305" s="536"/>
      <c r="Q305" s="537"/>
      <c r="R305" s="537"/>
      <c r="S305" s="537"/>
      <c r="T305" s="537"/>
      <c r="U305" s="540"/>
      <c r="V305" s="536"/>
      <c r="W305" s="537"/>
      <c r="X305" s="537"/>
      <c r="Y305" s="537"/>
      <c r="Z305" s="537"/>
      <c r="AA305" s="540"/>
      <c r="AB305" s="948"/>
      <c r="AC305" s="949"/>
      <c r="AD305" s="949"/>
      <c r="AE305" s="949"/>
      <c r="AF305" s="949"/>
      <c r="AG305" s="950"/>
      <c r="AH305" s="1"/>
    </row>
    <row r="306" spans="1:34" s="52" customFormat="1" ht="15.75" customHeight="1" x14ac:dyDescent="0.15">
      <c r="A306" s="718" t="s">
        <v>116</v>
      </c>
      <c r="B306" s="719"/>
      <c r="C306" s="719"/>
      <c r="D306" s="719"/>
      <c r="E306" s="719"/>
      <c r="F306" s="719"/>
      <c r="G306" s="719"/>
      <c r="H306" s="720"/>
      <c r="I306" s="919">
        <v>372302</v>
      </c>
      <c r="J306" s="721"/>
      <c r="K306" s="721"/>
      <c r="L306" s="721"/>
      <c r="M306" s="721"/>
      <c r="N306" s="721"/>
      <c r="O306" s="721"/>
      <c r="P306" s="721">
        <v>236256</v>
      </c>
      <c r="Q306" s="721"/>
      <c r="R306" s="721"/>
      <c r="S306" s="721"/>
      <c r="T306" s="721"/>
      <c r="U306" s="721"/>
      <c r="V306" s="721">
        <v>123742</v>
      </c>
      <c r="W306" s="721"/>
      <c r="X306" s="721"/>
      <c r="Y306" s="721"/>
      <c r="Z306" s="721"/>
      <c r="AA306" s="721"/>
      <c r="AB306" s="721">
        <v>12304</v>
      </c>
      <c r="AC306" s="721"/>
      <c r="AD306" s="721"/>
      <c r="AE306" s="721"/>
      <c r="AF306" s="721"/>
      <c r="AG306" s="920"/>
      <c r="AH306" s="1"/>
    </row>
    <row r="307" spans="1:34" s="52" customFormat="1" ht="15.75" customHeight="1" x14ac:dyDescent="0.15">
      <c r="A307" s="874" t="s">
        <v>117</v>
      </c>
      <c r="B307" s="875"/>
      <c r="C307" s="875"/>
      <c r="D307" s="875"/>
      <c r="E307" s="875"/>
      <c r="F307" s="875"/>
      <c r="G307" s="875"/>
      <c r="H307" s="876"/>
      <c r="I307" s="956">
        <v>288345</v>
      </c>
      <c r="J307" s="957"/>
      <c r="K307" s="957"/>
      <c r="L307" s="957"/>
      <c r="M307" s="957"/>
      <c r="N307" s="957"/>
      <c r="O307" s="957"/>
      <c r="P307" s="917">
        <v>184149</v>
      </c>
      <c r="Q307" s="917"/>
      <c r="R307" s="917"/>
      <c r="S307" s="917"/>
      <c r="T307" s="917"/>
      <c r="U307" s="917"/>
      <c r="V307" s="917">
        <v>93571</v>
      </c>
      <c r="W307" s="917"/>
      <c r="X307" s="917"/>
      <c r="Y307" s="917"/>
      <c r="Z307" s="917"/>
      <c r="AA307" s="917"/>
      <c r="AB307" s="917">
        <v>10625</v>
      </c>
      <c r="AC307" s="917"/>
      <c r="AD307" s="917"/>
      <c r="AE307" s="917"/>
      <c r="AF307" s="917"/>
      <c r="AG307" s="918"/>
      <c r="AH307" s="1"/>
    </row>
    <row r="308" spans="1:34" s="1" customFormat="1" ht="15.75" customHeight="1" x14ac:dyDescent="0.15">
      <c r="A308" s="874" t="s">
        <v>118</v>
      </c>
      <c r="B308" s="875"/>
      <c r="C308" s="875"/>
      <c r="D308" s="875"/>
      <c r="E308" s="875"/>
      <c r="F308" s="875"/>
      <c r="G308" s="875"/>
      <c r="H308" s="876"/>
      <c r="I308" s="956">
        <v>56946</v>
      </c>
      <c r="J308" s="957"/>
      <c r="K308" s="957"/>
      <c r="L308" s="957"/>
      <c r="M308" s="957"/>
      <c r="N308" s="957"/>
      <c r="O308" s="957"/>
      <c r="P308" s="917">
        <v>36879</v>
      </c>
      <c r="Q308" s="917"/>
      <c r="R308" s="917"/>
      <c r="S308" s="917"/>
      <c r="T308" s="917"/>
      <c r="U308" s="917"/>
      <c r="V308" s="917">
        <v>19034</v>
      </c>
      <c r="W308" s="917"/>
      <c r="X308" s="917"/>
      <c r="Y308" s="917"/>
      <c r="Z308" s="917"/>
      <c r="AA308" s="917"/>
      <c r="AB308" s="917">
        <v>1033</v>
      </c>
      <c r="AC308" s="917"/>
      <c r="AD308" s="917"/>
      <c r="AE308" s="917"/>
      <c r="AF308" s="917"/>
      <c r="AG308" s="918"/>
    </row>
    <row r="309" spans="1:34" s="1" customFormat="1" ht="15.75" customHeight="1" x14ac:dyDescent="0.15">
      <c r="A309" s="889" t="s">
        <v>119</v>
      </c>
      <c r="B309" s="890"/>
      <c r="C309" s="890"/>
      <c r="D309" s="890"/>
      <c r="E309" s="890"/>
      <c r="F309" s="890"/>
      <c r="G309" s="890"/>
      <c r="H309" s="891"/>
      <c r="I309" s="964">
        <v>27011</v>
      </c>
      <c r="J309" s="965"/>
      <c r="K309" s="965"/>
      <c r="L309" s="965"/>
      <c r="M309" s="965"/>
      <c r="N309" s="965"/>
      <c r="O309" s="965"/>
      <c r="P309" s="888">
        <v>15228</v>
      </c>
      <c r="Q309" s="888"/>
      <c r="R309" s="888"/>
      <c r="S309" s="888"/>
      <c r="T309" s="888"/>
      <c r="U309" s="888"/>
      <c r="V309" s="888">
        <v>11137</v>
      </c>
      <c r="W309" s="888"/>
      <c r="X309" s="888"/>
      <c r="Y309" s="888"/>
      <c r="Z309" s="888"/>
      <c r="AA309" s="888"/>
      <c r="AB309" s="888">
        <v>646</v>
      </c>
      <c r="AC309" s="888"/>
      <c r="AD309" s="888"/>
      <c r="AE309" s="888"/>
      <c r="AF309" s="888"/>
      <c r="AG309" s="955"/>
    </row>
    <row r="310" spans="1:34" s="1" customFormat="1" ht="20.100000000000001" customHeight="1" x14ac:dyDescent="0.15">
      <c r="AC310" s="3"/>
      <c r="AD310" s="3"/>
      <c r="AE310" s="3"/>
      <c r="AF310" s="3"/>
      <c r="AG310" s="3" t="s">
        <v>89</v>
      </c>
    </row>
    <row r="311" spans="1:34" s="1" customFormat="1" ht="15.95" customHeight="1" x14ac:dyDescent="0.15">
      <c r="AB311" s="3"/>
      <c r="AC311" s="3"/>
      <c r="AD311" s="3"/>
      <c r="AE311" s="3"/>
      <c r="AF311" s="3"/>
      <c r="AG311" s="3"/>
    </row>
    <row r="312" spans="1:34" s="1" customFormat="1" ht="15.95" customHeight="1" x14ac:dyDescent="0.15">
      <c r="A312" s="4" t="s">
        <v>259</v>
      </c>
    </row>
    <row r="313" spans="1:34" s="1" customFormat="1" ht="15.95" customHeight="1" x14ac:dyDescent="0.15">
      <c r="B313" s="1" t="s">
        <v>90</v>
      </c>
      <c r="AC313" s="5"/>
      <c r="AD313" s="5"/>
      <c r="AE313" s="5"/>
      <c r="AF313" s="5"/>
      <c r="AG313" s="19" t="s">
        <v>91</v>
      </c>
    </row>
    <row r="314" spans="1:34" s="36" customFormat="1" ht="20.100000000000001" customHeight="1" x14ac:dyDescent="0.15">
      <c r="A314" s="588" t="s">
        <v>106</v>
      </c>
      <c r="B314" s="589"/>
      <c r="C314" s="590"/>
      <c r="D314" s="892" t="s">
        <v>183</v>
      </c>
      <c r="E314" s="893"/>
      <c r="F314" s="894"/>
      <c r="G314" s="270" t="s">
        <v>184</v>
      </c>
      <c r="H314" s="271"/>
      <c r="I314" s="272"/>
      <c r="J314" s="892" t="s">
        <v>185</v>
      </c>
      <c r="K314" s="893"/>
      <c r="L314" s="894"/>
      <c r="M314" s="927" t="s">
        <v>186</v>
      </c>
      <c r="N314" s="928"/>
      <c r="O314" s="928"/>
      <c r="P314" s="928"/>
      <c r="Q314" s="928"/>
      <c r="R314" s="928"/>
      <c r="S314" s="928"/>
      <c r="T314" s="928"/>
      <c r="U314" s="928"/>
      <c r="V314" s="928"/>
      <c r="W314" s="928"/>
      <c r="X314" s="969"/>
      <c r="Y314" s="927" t="s">
        <v>187</v>
      </c>
      <c r="Z314" s="928"/>
      <c r="AA314" s="928"/>
      <c r="AB314" s="928"/>
      <c r="AC314" s="928"/>
      <c r="AD314" s="928"/>
      <c r="AE314" s="928"/>
      <c r="AF314" s="928"/>
      <c r="AG314" s="929"/>
    </row>
    <row r="315" spans="1:34" s="1" customFormat="1" ht="20.100000000000001" customHeight="1" x14ac:dyDescent="0.15">
      <c r="A315" s="346"/>
      <c r="B315" s="347"/>
      <c r="C315" s="348"/>
      <c r="D315" s="895"/>
      <c r="E315" s="896"/>
      <c r="F315" s="897"/>
      <c r="G315" s="321"/>
      <c r="H315" s="322"/>
      <c r="I315" s="887"/>
      <c r="J315" s="895"/>
      <c r="K315" s="896"/>
      <c r="L315" s="897"/>
      <c r="M315" s="866" t="s">
        <v>188</v>
      </c>
      <c r="N315" s="867"/>
      <c r="O315" s="868"/>
      <c r="P315" s="866" t="s">
        <v>189</v>
      </c>
      <c r="Q315" s="867"/>
      <c r="R315" s="868"/>
      <c r="S315" s="866" t="s">
        <v>190</v>
      </c>
      <c r="T315" s="867"/>
      <c r="U315" s="868"/>
      <c r="V315" s="593" t="s">
        <v>191</v>
      </c>
      <c r="W315" s="594"/>
      <c r="X315" s="925"/>
      <c r="Y315" s="866" t="s">
        <v>113</v>
      </c>
      <c r="Z315" s="867"/>
      <c r="AA315" s="868"/>
      <c r="AB315" s="866" t="s">
        <v>114</v>
      </c>
      <c r="AC315" s="867"/>
      <c r="AD315" s="868"/>
      <c r="AE315" s="593" t="s">
        <v>192</v>
      </c>
      <c r="AF315" s="594"/>
      <c r="AG315" s="595"/>
    </row>
    <row r="316" spans="1:34" s="1" customFormat="1" ht="20.100000000000001" customHeight="1" x14ac:dyDescent="0.15">
      <c r="A316" s="544" t="s">
        <v>108</v>
      </c>
      <c r="B316" s="545"/>
      <c r="C316" s="546"/>
      <c r="D316" s="869"/>
      <c r="E316" s="870"/>
      <c r="F316" s="871"/>
      <c r="G316" s="273"/>
      <c r="H316" s="274"/>
      <c r="I316" s="275"/>
      <c r="J316" s="869"/>
      <c r="K316" s="870"/>
      <c r="L316" s="871"/>
      <c r="M316" s="869"/>
      <c r="N316" s="870"/>
      <c r="O316" s="871"/>
      <c r="P316" s="869"/>
      <c r="Q316" s="870"/>
      <c r="R316" s="871"/>
      <c r="S316" s="869"/>
      <c r="T316" s="870"/>
      <c r="U316" s="871"/>
      <c r="V316" s="273"/>
      <c r="W316" s="274"/>
      <c r="X316" s="275"/>
      <c r="Y316" s="869"/>
      <c r="Z316" s="870"/>
      <c r="AA316" s="871"/>
      <c r="AB316" s="869"/>
      <c r="AC316" s="870"/>
      <c r="AD316" s="871"/>
      <c r="AE316" s="273"/>
      <c r="AF316" s="274"/>
      <c r="AG316" s="324"/>
    </row>
    <row r="317" spans="1:34" s="1" customFormat="1" ht="15.75" customHeight="1" x14ac:dyDescent="0.15">
      <c r="A317" s="931">
        <v>4</v>
      </c>
      <c r="B317" s="932"/>
      <c r="C317" s="933"/>
      <c r="D317" s="963">
        <v>369764</v>
      </c>
      <c r="E317" s="319"/>
      <c r="F317" s="319"/>
      <c r="G317" s="592">
        <v>22866</v>
      </c>
      <c r="H317" s="592"/>
      <c r="I317" s="592"/>
      <c r="J317" s="319">
        <v>803587</v>
      </c>
      <c r="K317" s="319"/>
      <c r="L317" s="319"/>
      <c r="M317" s="592">
        <v>504325</v>
      </c>
      <c r="N317" s="592"/>
      <c r="O317" s="592"/>
      <c r="P317" s="592">
        <v>191104</v>
      </c>
      <c r="Q317" s="592"/>
      <c r="R317" s="592"/>
      <c r="S317" s="592">
        <v>65229</v>
      </c>
      <c r="T317" s="592"/>
      <c r="U317" s="592"/>
      <c r="V317" s="592">
        <v>42929</v>
      </c>
      <c r="W317" s="592"/>
      <c r="X317" s="592"/>
      <c r="Y317" s="592">
        <v>397146</v>
      </c>
      <c r="Z317" s="592"/>
      <c r="AA317" s="592"/>
      <c r="AB317" s="592">
        <v>357396</v>
      </c>
      <c r="AC317" s="592"/>
      <c r="AD317" s="592"/>
      <c r="AE317" s="592">
        <v>11182</v>
      </c>
      <c r="AF317" s="592"/>
      <c r="AG317" s="873"/>
    </row>
    <row r="318" spans="1:34" s="1" customFormat="1" ht="15.75" customHeight="1" x14ac:dyDescent="0.15">
      <c r="A318" s="1004">
        <v>5</v>
      </c>
      <c r="B318" s="1005"/>
      <c r="C318" s="1006"/>
      <c r="D318" s="851">
        <v>371872</v>
      </c>
      <c r="E318" s="303"/>
      <c r="F318" s="303"/>
      <c r="G318" s="143">
        <v>22898</v>
      </c>
      <c r="H318" s="143"/>
      <c r="I318" s="143"/>
      <c r="J318" s="303">
        <v>784575</v>
      </c>
      <c r="K318" s="303"/>
      <c r="L318" s="303"/>
      <c r="M318" s="143">
        <v>493127</v>
      </c>
      <c r="N318" s="143"/>
      <c r="O318" s="143"/>
      <c r="P318" s="143">
        <v>189324</v>
      </c>
      <c r="Q318" s="143"/>
      <c r="R318" s="143"/>
      <c r="S318" s="143">
        <v>59501</v>
      </c>
      <c r="T318" s="143"/>
      <c r="U318" s="143"/>
      <c r="V318" s="143">
        <v>42623</v>
      </c>
      <c r="W318" s="143"/>
      <c r="X318" s="143"/>
      <c r="Y318" s="143">
        <v>420299</v>
      </c>
      <c r="Z318" s="143"/>
      <c r="AA318" s="143"/>
      <c r="AB318" s="143">
        <v>354569</v>
      </c>
      <c r="AC318" s="143"/>
      <c r="AD318" s="143"/>
      <c r="AE318" s="143">
        <v>9707</v>
      </c>
      <c r="AF318" s="143"/>
      <c r="AG318" s="144"/>
    </row>
    <row r="319" spans="1:34" s="1" customFormat="1" ht="15.75" customHeight="1" x14ac:dyDescent="0.15">
      <c r="A319" s="960">
        <v>6</v>
      </c>
      <c r="B319" s="961"/>
      <c r="C319" s="962"/>
      <c r="D319" s="1008">
        <v>372302</v>
      </c>
      <c r="E319" s="872"/>
      <c r="F319" s="872"/>
      <c r="G319" s="145">
        <v>23379</v>
      </c>
      <c r="H319" s="145"/>
      <c r="I319" s="145"/>
      <c r="J319" s="872">
        <v>762449</v>
      </c>
      <c r="K319" s="872"/>
      <c r="L319" s="872"/>
      <c r="M319" s="145">
        <v>483598</v>
      </c>
      <c r="N319" s="145"/>
      <c r="O319" s="145"/>
      <c r="P319" s="145">
        <v>176116</v>
      </c>
      <c r="Q319" s="145"/>
      <c r="R319" s="145"/>
      <c r="S319" s="145">
        <v>59634</v>
      </c>
      <c r="T319" s="145"/>
      <c r="U319" s="145"/>
      <c r="V319" s="145">
        <v>43101</v>
      </c>
      <c r="W319" s="145"/>
      <c r="X319" s="145"/>
      <c r="Y319" s="145">
        <v>407193</v>
      </c>
      <c r="Z319" s="145"/>
      <c r="AA319" s="145"/>
      <c r="AB319" s="145">
        <v>344424</v>
      </c>
      <c r="AC319" s="145"/>
      <c r="AD319" s="145"/>
      <c r="AE319" s="145">
        <v>10832</v>
      </c>
      <c r="AF319" s="145"/>
      <c r="AG319" s="943"/>
    </row>
    <row r="320" spans="1:34" s="1" customFormat="1" ht="20.100000000000001" customHeight="1" x14ac:dyDescent="0.15">
      <c r="AC320" s="3"/>
      <c r="AD320" s="3"/>
      <c r="AE320" s="3"/>
      <c r="AF320" s="3"/>
      <c r="AG320" s="3" t="s">
        <v>89</v>
      </c>
    </row>
    <row r="321" spans="1:39" s="1" customFormat="1" ht="14.25" customHeight="1" x14ac:dyDescent="0.15"/>
    <row r="322" spans="1:39" s="1" customFormat="1" ht="20.100000000000001" customHeight="1" x14ac:dyDescent="0.15">
      <c r="A322" s="4" t="s">
        <v>260</v>
      </c>
      <c r="R322" s="909"/>
      <c r="S322" s="909"/>
      <c r="T322" s="909"/>
      <c r="U322" s="909"/>
    </row>
    <row r="323" spans="1:39" s="1" customFormat="1" ht="15.95" customHeight="1" x14ac:dyDescent="0.15">
      <c r="B323" s="1" t="s">
        <v>90</v>
      </c>
      <c r="AD323" s="15"/>
      <c r="AE323" s="15"/>
      <c r="AF323" s="15"/>
      <c r="AG323" s="24" t="s">
        <v>79</v>
      </c>
    </row>
    <row r="324" spans="1:39" s="1" customFormat="1" ht="15.95" customHeight="1" x14ac:dyDescent="0.15">
      <c r="A324" s="588" t="s">
        <v>106</v>
      </c>
      <c r="B324" s="589"/>
      <c r="C324" s="589"/>
      <c r="D324" s="589"/>
      <c r="E324" s="590"/>
      <c r="F324" s="952"/>
      <c r="G324" s="953"/>
      <c r="H324" s="953"/>
      <c r="I324" s="953"/>
      <c r="J324" s="953"/>
      <c r="K324" s="953"/>
      <c r="L324" s="953"/>
      <c r="M324" s="146" t="s">
        <v>193</v>
      </c>
      <c r="N324" s="146"/>
      <c r="O324" s="146"/>
      <c r="P324" s="146"/>
      <c r="Q324" s="146"/>
      <c r="R324" s="146"/>
      <c r="S324" s="146"/>
      <c r="T324" s="146"/>
      <c r="U324" s="146"/>
      <c r="V324" s="146"/>
      <c r="W324" s="146"/>
      <c r="X324" s="146"/>
      <c r="Y324" s="146"/>
      <c r="Z324" s="147"/>
      <c r="AA324" s="936" t="s">
        <v>194</v>
      </c>
      <c r="AB324" s="937"/>
      <c r="AC324" s="937"/>
      <c r="AD324" s="937"/>
      <c r="AE324" s="937"/>
      <c r="AF324" s="937"/>
      <c r="AG324" s="938"/>
    </row>
    <row r="325" spans="1:39" s="1" customFormat="1" ht="20.100000000000001" customHeight="1" x14ac:dyDescent="0.15">
      <c r="A325" s="544" t="s">
        <v>108</v>
      </c>
      <c r="B325" s="545"/>
      <c r="C325" s="545"/>
      <c r="D325" s="545"/>
      <c r="E325" s="546"/>
      <c r="F325" s="939" t="s">
        <v>195</v>
      </c>
      <c r="G325" s="940"/>
      <c r="H325" s="940"/>
      <c r="I325" s="940"/>
      <c r="J325" s="940"/>
      <c r="K325" s="940"/>
      <c r="L325" s="1007"/>
      <c r="M325" s="914" t="s">
        <v>196</v>
      </c>
      <c r="N325" s="915"/>
      <c r="O325" s="915"/>
      <c r="P325" s="915"/>
      <c r="Q325" s="915"/>
      <c r="R325" s="915"/>
      <c r="S325" s="916"/>
      <c r="T325" s="914" t="s">
        <v>197</v>
      </c>
      <c r="U325" s="915"/>
      <c r="V325" s="915"/>
      <c r="W325" s="915"/>
      <c r="X325" s="915"/>
      <c r="Y325" s="915"/>
      <c r="Z325" s="916"/>
      <c r="AA325" s="939"/>
      <c r="AB325" s="940"/>
      <c r="AC325" s="940"/>
      <c r="AD325" s="940"/>
      <c r="AE325" s="940"/>
      <c r="AF325" s="940"/>
      <c r="AG325" s="941"/>
    </row>
    <row r="326" spans="1:39" s="1" customFormat="1" ht="15.75" customHeight="1" x14ac:dyDescent="0.15">
      <c r="A326" s="547">
        <v>4</v>
      </c>
      <c r="B326" s="548"/>
      <c r="C326" s="548"/>
      <c r="D326" s="548"/>
      <c r="E326" s="549"/>
      <c r="F326" s="912">
        <v>11608</v>
      </c>
      <c r="G326" s="913"/>
      <c r="H326" s="913"/>
      <c r="I326" s="913"/>
      <c r="J326" s="913"/>
      <c r="K326" s="913"/>
      <c r="L326" s="913"/>
      <c r="M326" s="958">
        <v>11367</v>
      </c>
      <c r="N326" s="958"/>
      <c r="O326" s="958"/>
      <c r="P326" s="958"/>
      <c r="Q326" s="958"/>
      <c r="R326" s="958"/>
      <c r="S326" s="958"/>
      <c r="T326" s="958">
        <v>241</v>
      </c>
      <c r="U326" s="958"/>
      <c r="V326" s="958"/>
      <c r="W326" s="958"/>
      <c r="X326" s="958"/>
      <c r="Y326" s="958"/>
      <c r="Z326" s="958"/>
      <c r="AA326" s="141">
        <v>16</v>
      </c>
      <c r="AB326" s="141"/>
      <c r="AC326" s="141"/>
      <c r="AD326" s="141"/>
      <c r="AE326" s="141"/>
      <c r="AF326" s="141"/>
      <c r="AG326" s="142"/>
    </row>
    <row r="327" spans="1:39" s="1" customFormat="1" ht="15.75" customHeight="1" x14ac:dyDescent="0.15">
      <c r="A327" s="528">
        <v>5</v>
      </c>
      <c r="B327" s="529"/>
      <c r="C327" s="529"/>
      <c r="D327" s="529"/>
      <c r="E327" s="530"/>
      <c r="F327" s="910">
        <v>11918</v>
      </c>
      <c r="G327" s="911"/>
      <c r="H327" s="911"/>
      <c r="I327" s="911"/>
      <c r="J327" s="911"/>
      <c r="K327" s="911"/>
      <c r="L327" s="911"/>
      <c r="M327" s="170">
        <v>11698</v>
      </c>
      <c r="N327" s="170"/>
      <c r="O327" s="170"/>
      <c r="P327" s="170"/>
      <c r="Q327" s="170"/>
      <c r="R327" s="170"/>
      <c r="S327" s="170"/>
      <c r="T327" s="170">
        <v>220</v>
      </c>
      <c r="U327" s="170"/>
      <c r="V327" s="170"/>
      <c r="W327" s="170"/>
      <c r="X327" s="170"/>
      <c r="Y327" s="170"/>
      <c r="Z327" s="170"/>
      <c r="AA327" s="923">
        <v>16.399999999999999</v>
      </c>
      <c r="AB327" s="923"/>
      <c r="AC327" s="923"/>
      <c r="AD327" s="923"/>
      <c r="AE327" s="923"/>
      <c r="AF327" s="923"/>
      <c r="AG327" s="924"/>
    </row>
    <row r="328" spans="1:39" s="1" customFormat="1" ht="15.75" customHeight="1" x14ac:dyDescent="0.15">
      <c r="A328" s="550">
        <v>6</v>
      </c>
      <c r="B328" s="551"/>
      <c r="C328" s="551"/>
      <c r="D328" s="551"/>
      <c r="E328" s="552"/>
      <c r="F328" s="934">
        <v>11804</v>
      </c>
      <c r="G328" s="935"/>
      <c r="H328" s="935"/>
      <c r="I328" s="935"/>
      <c r="J328" s="935"/>
      <c r="K328" s="935"/>
      <c r="L328" s="935"/>
      <c r="M328" s="591">
        <v>11592</v>
      </c>
      <c r="N328" s="591"/>
      <c r="O328" s="591"/>
      <c r="P328" s="591"/>
      <c r="Q328" s="591"/>
      <c r="R328" s="591"/>
      <c r="S328" s="591"/>
      <c r="T328" s="591">
        <v>212</v>
      </c>
      <c r="U328" s="591"/>
      <c r="V328" s="591"/>
      <c r="W328" s="591"/>
      <c r="X328" s="591"/>
      <c r="Y328" s="591"/>
      <c r="Z328" s="591"/>
      <c r="AA328" s="139">
        <v>16.2</v>
      </c>
      <c r="AB328" s="139"/>
      <c r="AC328" s="139"/>
      <c r="AD328" s="139"/>
      <c r="AE328" s="139"/>
      <c r="AF328" s="139"/>
      <c r="AG328" s="140"/>
    </row>
    <row r="329" spans="1:39" s="1" customFormat="1" ht="15.95" customHeight="1" x14ac:dyDescent="0.15">
      <c r="A329" s="8" t="s">
        <v>147</v>
      </c>
      <c r="B329" s="34"/>
      <c r="C329" s="34"/>
      <c r="D329" s="34"/>
      <c r="E329" s="34"/>
      <c r="F329" s="34"/>
      <c r="G329" s="34"/>
      <c r="H329" s="34"/>
      <c r="I329" s="34"/>
      <c r="J329" s="34"/>
      <c r="K329" s="34"/>
      <c r="L329" s="34"/>
      <c r="M329" s="34"/>
      <c r="N329" s="34"/>
      <c r="O329" s="34"/>
      <c r="P329" s="34"/>
      <c r="Q329" s="34"/>
      <c r="R329" s="34"/>
      <c r="S329" s="34"/>
      <c r="T329" s="34"/>
      <c r="U329" s="34"/>
      <c r="V329" s="34"/>
      <c r="W329" s="34"/>
      <c r="X329" s="34"/>
      <c r="Y329" s="34"/>
      <c r="Z329" s="34"/>
      <c r="AA329" s="34"/>
      <c r="AB329" s="34"/>
      <c r="AC329" s="34"/>
      <c r="AD329" s="34"/>
      <c r="AE329" s="34"/>
      <c r="AF329" s="34"/>
      <c r="AG329" s="3" t="s">
        <v>89</v>
      </c>
    </row>
    <row r="330" spans="1:39" s="1" customFormat="1" ht="20.100000000000001" customHeight="1" x14ac:dyDescent="0.15">
      <c r="A330" s="2"/>
      <c r="AB330" s="3"/>
      <c r="AC330" s="3"/>
      <c r="AD330" s="3"/>
      <c r="AE330" s="3"/>
      <c r="AF330" s="3"/>
      <c r="AG330" s="3"/>
    </row>
    <row r="331" spans="1:39" s="1" customFormat="1" ht="15.95" customHeight="1" x14ac:dyDescent="0.15">
      <c r="A331" s="4" t="s">
        <v>261</v>
      </c>
      <c r="AE331" s="5"/>
      <c r="AF331" s="5"/>
      <c r="AG331" s="19" t="s">
        <v>84</v>
      </c>
    </row>
    <row r="332" spans="1:39" s="34" customFormat="1" ht="15.95" customHeight="1" x14ac:dyDescent="0.15">
      <c r="A332" s="588" t="s">
        <v>29</v>
      </c>
      <c r="B332" s="589"/>
      <c r="C332" s="589"/>
      <c r="D332" s="589"/>
      <c r="E332" s="589"/>
      <c r="F332" s="589"/>
      <c r="G332" s="589"/>
      <c r="H332" s="589"/>
      <c r="I332" s="590"/>
      <c r="J332" s="210">
        <v>4</v>
      </c>
      <c r="K332" s="211"/>
      <c r="L332" s="211"/>
      <c r="M332" s="211"/>
      <c r="N332" s="211"/>
      <c r="O332" s="211"/>
      <c r="P332" s="211"/>
      <c r="Q332" s="212"/>
      <c r="R332" s="211">
        <v>5</v>
      </c>
      <c r="S332" s="211"/>
      <c r="T332" s="211"/>
      <c r="U332" s="211"/>
      <c r="V332" s="211"/>
      <c r="W332" s="211"/>
      <c r="X332" s="211"/>
      <c r="Y332" s="211"/>
      <c r="Z332" s="751">
        <v>6</v>
      </c>
      <c r="AA332" s="134"/>
      <c r="AB332" s="134"/>
      <c r="AC332" s="134"/>
      <c r="AD332" s="134"/>
      <c r="AE332" s="134"/>
      <c r="AF332" s="134"/>
      <c r="AG332" s="135"/>
      <c r="AH332" s="11"/>
      <c r="AI332" s="11"/>
      <c r="AJ332" s="1"/>
      <c r="AK332" s="1"/>
      <c r="AL332" s="1"/>
      <c r="AM332" s="11"/>
    </row>
    <row r="333" spans="1:39" s="34" customFormat="1" ht="15.95" customHeight="1" x14ac:dyDescent="0.15">
      <c r="A333" s="544" t="s">
        <v>92</v>
      </c>
      <c r="B333" s="545"/>
      <c r="C333" s="545"/>
      <c r="D333" s="545"/>
      <c r="E333" s="545"/>
      <c r="F333" s="545"/>
      <c r="G333" s="545"/>
      <c r="H333" s="545"/>
      <c r="I333" s="546"/>
      <c r="J333" s="213"/>
      <c r="K333" s="214"/>
      <c r="L333" s="214"/>
      <c r="M333" s="214"/>
      <c r="N333" s="214"/>
      <c r="O333" s="214"/>
      <c r="P333" s="214"/>
      <c r="Q333" s="215"/>
      <c r="R333" s="214"/>
      <c r="S333" s="214"/>
      <c r="T333" s="214"/>
      <c r="U333" s="214"/>
      <c r="V333" s="214"/>
      <c r="W333" s="214"/>
      <c r="X333" s="214"/>
      <c r="Y333" s="214"/>
      <c r="Z333" s="752"/>
      <c r="AA333" s="136"/>
      <c r="AB333" s="136"/>
      <c r="AC333" s="136"/>
      <c r="AD333" s="136"/>
      <c r="AE333" s="136"/>
      <c r="AF333" s="136"/>
      <c r="AG333" s="137"/>
      <c r="AJ333" s="1"/>
      <c r="AK333" s="1"/>
      <c r="AL333" s="1"/>
    </row>
    <row r="334" spans="1:39" s="34" customFormat="1" ht="15.75" customHeight="1" x14ac:dyDescent="0.15">
      <c r="A334" s="188" t="s">
        <v>215</v>
      </c>
      <c r="B334" s="189"/>
      <c r="C334" s="189"/>
      <c r="D334" s="189"/>
      <c r="E334" s="189"/>
      <c r="F334" s="189"/>
      <c r="G334" s="189"/>
      <c r="H334" s="189"/>
      <c r="I334" s="190"/>
      <c r="J334" s="926">
        <v>20</v>
      </c>
      <c r="K334" s="926"/>
      <c r="L334" s="926"/>
      <c r="M334" s="926"/>
      <c r="N334" s="930">
        <v>18</v>
      </c>
      <c r="O334" s="930"/>
      <c r="P334" s="930"/>
      <c r="Q334" s="930"/>
      <c r="R334" s="926">
        <v>20</v>
      </c>
      <c r="S334" s="926"/>
      <c r="T334" s="926"/>
      <c r="U334" s="926"/>
      <c r="V334" s="930">
        <v>16</v>
      </c>
      <c r="W334" s="930"/>
      <c r="X334" s="930"/>
      <c r="Y334" s="930"/>
      <c r="Z334" s="944">
        <v>20</v>
      </c>
      <c r="AA334" s="944"/>
      <c r="AB334" s="944"/>
      <c r="AC334" s="944"/>
      <c r="AD334" s="266">
        <v>16</v>
      </c>
      <c r="AE334" s="266"/>
      <c r="AF334" s="266"/>
      <c r="AG334" s="267"/>
    </row>
    <row r="335" spans="1:39" s="34" customFormat="1" ht="15.75" customHeight="1" x14ac:dyDescent="0.15">
      <c r="A335" s="148" t="s">
        <v>216</v>
      </c>
      <c r="B335" s="149"/>
      <c r="C335" s="149"/>
      <c r="D335" s="149"/>
      <c r="E335" s="149"/>
      <c r="F335" s="149"/>
      <c r="G335" s="149"/>
      <c r="H335" s="149"/>
      <c r="I335" s="150"/>
      <c r="J335" s="168">
        <v>4</v>
      </c>
      <c r="K335" s="168"/>
      <c r="L335" s="168"/>
      <c r="M335" s="168"/>
      <c r="N335" s="152">
        <v>16</v>
      </c>
      <c r="O335" s="152"/>
      <c r="P335" s="152"/>
      <c r="Q335" s="152"/>
      <c r="R335" s="168">
        <v>4</v>
      </c>
      <c r="S335" s="168"/>
      <c r="T335" s="168"/>
      <c r="U335" s="168"/>
      <c r="V335" s="152">
        <v>12</v>
      </c>
      <c r="W335" s="152"/>
      <c r="X335" s="152"/>
      <c r="Y335" s="152"/>
      <c r="Z335" s="154">
        <v>4</v>
      </c>
      <c r="AA335" s="154"/>
      <c r="AB335" s="154"/>
      <c r="AC335" s="154"/>
      <c r="AD335" s="116">
        <v>12</v>
      </c>
      <c r="AE335" s="116"/>
      <c r="AF335" s="116"/>
      <c r="AG335" s="151"/>
    </row>
    <row r="336" spans="1:39" s="34" customFormat="1" ht="15.75" customHeight="1" x14ac:dyDescent="0.15">
      <c r="A336" s="148" t="s">
        <v>217</v>
      </c>
      <c r="B336" s="149"/>
      <c r="C336" s="149"/>
      <c r="D336" s="149"/>
      <c r="E336" s="149"/>
      <c r="F336" s="149"/>
      <c r="G336" s="149"/>
      <c r="H336" s="149"/>
      <c r="I336" s="150"/>
      <c r="J336" s="168">
        <v>10</v>
      </c>
      <c r="K336" s="168"/>
      <c r="L336" s="168"/>
      <c r="M336" s="168"/>
      <c r="N336" s="152">
        <v>20</v>
      </c>
      <c r="O336" s="152"/>
      <c r="P336" s="152"/>
      <c r="Q336" s="152"/>
      <c r="R336" s="168">
        <v>9</v>
      </c>
      <c r="S336" s="168"/>
      <c r="T336" s="168"/>
      <c r="U336" s="168"/>
      <c r="V336" s="152">
        <v>20</v>
      </c>
      <c r="W336" s="152"/>
      <c r="X336" s="152"/>
      <c r="Y336" s="152"/>
      <c r="Z336" s="154">
        <v>8</v>
      </c>
      <c r="AA336" s="154"/>
      <c r="AB336" s="154"/>
      <c r="AC336" s="154"/>
      <c r="AD336" s="116">
        <v>20</v>
      </c>
      <c r="AE336" s="116"/>
      <c r="AF336" s="116"/>
      <c r="AG336" s="151"/>
    </row>
    <row r="337" spans="1:33" s="1" customFormat="1" ht="15.75" customHeight="1" x14ac:dyDescent="0.15">
      <c r="A337" s="148" t="s">
        <v>218</v>
      </c>
      <c r="B337" s="149"/>
      <c r="C337" s="149"/>
      <c r="D337" s="149"/>
      <c r="E337" s="149"/>
      <c r="F337" s="149"/>
      <c r="G337" s="149"/>
      <c r="H337" s="149"/>
      <c r="I337" s="150"/>
      <c r="J337" s="168">
        <v>5</v>
      </c>
      <c r="K337" s="168"/>
      <c r="L337" s="168"/>
      <c r="M337" s="168"/>
      <c r="N337" s="152">
        <v>30</v>
      </c>
      <c r="O337" s="152"/>
      <c r="P337" s="152"/>
      <c r="Q337" s="152"/>
      <c r="R337" s="168">
        <v>5</v>
      </c>
      <c r="S337" s="168"/>
      <c r="T337" s="168"/>
      <c r="U337" s="168"/>
      <c r="V337" s="152">
        <v>30</v>
      </c>
      <c r="W337" s="152"/>
      <c r="X337" s="152"/>
      <c r="Y337" s="152"/>
      <c r="Z337" s="154">
        <v>5</v>
      </c>
      <c r="AA337" s="154"/>
      <c r="AB337" s="154"/>
      <c r="AC337" s="154"/>
      <c r="AD337" s="116">
        <v>30</v>
      </c>
      <c r="AE337" s="116"/>
      <c r="AF337" s="116"/>
      <c r="AG337" s="151"/>
    </row>
    <row r="338" spans="1:33" s="1" customFormat="1" ht="15.75" customHeight="1" x14ac:dyDescent="0.15">
      <c r="A338" s="148" t="s">
        <v>471</v>
      </c>
      <c r="B338" s="149"/>
      <c r="C338" s="149"/>
      <c r="D338" s="149"/>
      <c r="E338" s="149"/>
      <c r="F338" s="149"/>
      <c r="G338" s="149"/>
      <c r="H338" s="149"/>
      <c r="I338" s="150"/>
      <c r="J338" s="168">
        <v>10</v>
      </c>
      <c r="K338" s="168"/>
      <c r="L338" s="168"/>
      <c r="M338" s="168"/>
      <c r="N338" s="152">
        <v>8</v>
      </c>
      <c r="O338" s="152"/>
      <c r="P338" s="152"/>
      <c r="Q338" s="152"/>
      <c r="R338" s="155" t="s">
        <v>105</v>
      </c>
      <c r="S338" s="155"/>
      <c r="T338" s="155"/>
      <c r="U338" s="155"/>
      <c r="V338" s="152" t="s">
        <v>105</v>
      </c>
      <c r="W338" s="152"/>
      <c r="X338" s="152"/>
      <c r="Y338" s="152"/>
      <c r="Z338" s="153" t="s">
        <v>105</v>
      </c>
      <c r="AA338" s="153"/>
      <c r="AB338" s="153"/>
      <c r="AC338" s="153"/>
      <c r="AD338" s="116" t="s">
        <v>105</v>
      </c>
      <c r="AE338" s="116"/>
      <c r="AF338" s="116"/>
      <c r="AG338" s="151"/>
    </row>
    <row r="339" spans="1:33" s="1" customFormat="1" ht="15.75" customHeight="1" x14ac:dyDescent="0.15">
      <c r="A339" s="148" t="s">
        <v>219</v>
      </c>
      <c r="B339" s="149"/>
      <c r="C339" s="149"/>
      <c r="D339" s="149"/>
      <c r="E339" s="149"/>
      <c r="F339" s="149"/>
      <c r="G339" s="149"/>
      <c r="H339" s="149"/>
      <c r="I339" s="150"/>
      <c r="J339" s="168">
        <v>40</v>
      </c>
      <c r="K339" s="168"/>
      <c r="L339" s="168"/>
      <c r="M339" s="168"/>
      <c r="N339" s="152" t="s">
        <v>209</v>
      </c>
      <c r="O339" s="152"/>
      <c r="P339" s="152"/>
      <c r="Q339" s="152"/>
      <c r="R339" s="168">
        <v>40</v>
      </c>
      <c r="S339" s="168"/>
      <c r="T339" s="168"/>
      <c r="U339" s="168"/>
      <c r="V339" s="152" t="s">
        <v>209</v>
      </c>
      <c r="W339" s="152"/>
      <c r="X339" s="152"/>
      <c r="Y339" s="152"/>
      <c r="Z339" s="154">
        <v>40</v>
      </c>
      <c r="AA339" s="154"/>
      <c r="AB339" s="154"/>
      <c r="AC339" s="154"/>
      <c r="AD339" s="116" t="s">
        <v>209</v>
      </c>
      <c r="AE339" s="116"/>
      <c r="AF339" s="116"/>
      <c r="AG339" s="151"/>
    </row>
    <row r="340" spans="1:33" s="1" customFormat="1" ht="15.75" customHeight="1" x14ac:dyDescent="0.15">
      <c r="A340" s="148" t="s">
        <v>220</v>
      </c>
      <c r="B340" s="149"/>
      <c r="C340" s="149"/>
      <c r="D340" s="149"/>
      <c r="E340" s="149"/>
      <c r="F340" s="149"/>
      <c r="G340" s="149"/>
      <c r="H340" s="149"/>
      <c r="I340" s="150"/>
      <c r="J340" s="168">
        <v>10</v>
      </c>
      <c r="K340" s="168"/>
      <c r="L340" s="168"/>
      <c r="M340" s="168"/>
      <c r="N340" s="152">
        <v>10</v>
      </c>
      <c r="O340" s="152"/>
      <c r="P340" s="152"/>
      <c r="Q340" s="152"/>
      <c r="R340" s="168">
        <v>10</v>
      </c>
      <c r="S340" s="168"/>
      <c r="T340" s="168"/>
      <c r="U340" s="168"/>
      <c r="V340" s="152">
        <v>15</v>
      </c>
      <c r="W340" s="152"/>
      <c r="X340" s="152"/>
      <c r="Y340" s="152"/>
      <c r="Z340" s="154">
        <v>10</v>
      </c>
      <c r="AA340" s="154"/>
      <c r="AB340" s="154"/>
      <c r="AC340" s="154"/>
      <c r="AD340" s="116">
        <v>14</v>
      </c>
      <c r="AE340" s="116"/>
      <c r="AF340" s="116"/>
      <c r="AG340" s="151"/>
    </row>
    <row r="341" spans="1:33" s="1" customFormat="1" ht="15.75" customHeight="1" x14ac:dyDescent="0.15">
      <c r="A341" s="148" t="s">
        <v>221</v>
      </c>
      <c r="B341" s="149"/>
      <c r="C341" s="149"/>
      <c r="D341" s="149"/>
      <c r="E341" s="149"/>
      <c r="F341" s="149"/>
      <c r="G341" s="149"/>
      <c r="H341" s="149"/>
      <c r="I341" s="150"/>
      <c r="J341" s="168">
        <v>10</v>
      </c>
      <c r="K341" s="168"/>
      <c r="L341" s="168"/>
      <c r="M341" s="168"/>
      <c r="N341" s="152">
        <v>15</v>
      </c>
      <c r="O341" s="152"/>
      <c r="P341" s="152"/>
      <c r="Q341" s="152"/>
      <c r="R341" s="168">
        <v>10</v>
      </c>
      <c r="S341" s="168"/>
      <c r="T341" s="168"/>
      <c r="U341" s="168"/>
      <c r="V341" s="152">
        <v>15</v>
      </c>
      <c r="W341" s="152"/>
      <c r="X341" s="152"/>
      <c r="Y341" s="152"/>
      <c r="Z341" s="154">
        <v>10</v>
      </c>
      <c r="AA341" s="154"/>
      <c r="AB341" s="154"/>
      <c r="AC341" s="154"/>
      <c r="AD341" s="116">
        <v>15</v>
      </c>
      <c r="AE341" s="116"/>
      <c r="AF341" s="116"/>
      <c r="AG341" s="151"/>
    </row>
    <row r="342" spans="1:33" s="1" customFormat="1" ht="15.75" customHeight="1" x14ac:dyDescent="0.15">
      <c r="A342" s="148" t="s">
        <v>222</v>
      </c>
      <c r="B342" s="149"/>
      <c r="C342" s="149"/>
      <c r="D342" s="149"/>
      <c r="E342" s="149"/>
      <c r="F342" s="149"/>
      <c r="G342" s="149"/>
      <c r="H342" s="149"/>
      <c r="I342" s="150"/>
      <c r="J342" s="168">
        <v>2</v>
      </c>
      <c r="K342" s="168"/>
      <c r="L342" s="168"/>
      <c r="M342" s="168"/>
      <c r="N342" s="152">
        <v>18</v>
      </c>
      <c r="O342" s="152"/>
      <c r="P342" s="152"/>
      <c r="Q342" s="152"/>
      <c r="R342" s="168">
        <v>2</v>
      </c>
      <c r="S342" s="168"/>
      <c r="T342" s="168"/>
      <c r="U342" s="168"/>
      <c r="V342" s="152">
        <v>18</v>
      </c>
      <c r="W342" s="152"/>
      <c r="X342" s="152"/>
      <c r="Y342" s="152"/>
      <c r="Z342" s="154">
        <v>2</v>
      </c>
      <c r="AA342" s="154"/>
      <c r="AB342" s="154"/>
      <c r="AC342" s="154"/>
      <c r="AD342" s="116">
        <v>18</v>
      </c>
      <c r="AE342" s="116"/>
      <c r="AF342" s="116"/>
      <c r="AG342" s="151"/>
    </row>
    <row r="343" spans="1:33" s="1" customFormat="1" ht="15.75" customHeight="1" x14ac:dyDescent="0.15">
      <c r="A343" s="615" t="s">
        <v>637</v>
      </c>
      <c r="B343" s="616"/>
      <c r="C343" s="616"/>
      <c r="D343" s="616"/>
      <c r="E343" s="616"/>
      <c r="F343" s="616"/>
      <c r="G343" s="616"/>
      <c r="H343" s="616"/>
      <c r="I343" s="617"/>
      <c r="J343" s="263">
        <v>1</v>
      </c>
      <c r="K343" s="168"/>
      <c r="L343" s="168"/>
      <c r="M343" s="168"/>
      <c r="N343" s="152">
        <v>16</v>
      </c>
      <c r="O343" s="152"/>
      <c r="P343" s="152"/>
      <c r="Q343" s="152"/>
      <c r="R343" s="168">
        <v>1</v>
      </c>
      <c r="S343" s="168"/>
      <c r="T343" s="168"/>
      <c r="U343" s="168"/>
      <c r="V343" s="152">
        <v>16</v>
      </c>
      <c r="W343" s="152"/>
      <c r="X343" s="152"/>
      <c r="Y343" s="152"/>
      <c r="Z343" s="154">
        <v>1</v>
      </c>
      <c r="AA343" s="154"/>
      <c r="AB343" s="154"/>
      <c r="AC343" s="154"/>
      <c r="AD343" s="116">
        <v>24</v>
      </c>
      <c r="AE343" s="116"/>
      <c r="AF343" s="116"/>
      <c r="AG343" s="151"/>
    </row>
    <row r="344" spans="1:33" s="1" customFormat="1" ht="15.75" customHeight="1" x14ac:dyDescent="0.15">
      <c r="A344" s="148" t="s">
        <v>223</v>
      </c>
      <c r="B344" s="149"/>
      <c r="C344" s="149"/>
      <c r="D344" s="149"/>
      <c r="E344" s="149"/>
      <c r="F344" s="149"/>
      <c r="G344" s="149"/>
      <c r="H344" s="149"/>
      <c r="I344" s="150"/>
      <c r="J344" s="157">
        <v>1</v>
      </c>
      <c r="K344" s="157"/>
      <c r="L344" s="157"/>
      <c r="M344" s="157"/>
      <c r="N344" s="152">
        <v>16</v>
      </c>
      <c r="O344" s="152"/>
      <c r="P344" s="152"/>
      <c r="Q344" s="152"/>
      <c r="R344" s="168">
        <v>2</v>
      </c>
      <c r="S344" s="168"/>
      <c r="T344" s="168"/>
      <c r="U344" s="168"/>
      <c r="V344" s="152">
        <v>16</v>
      </c>
      <c r="W344" s="152"/>
      <c r="X344" s="152"/>
      <c r="Y344" s="152"/>
      <c r="Z344" s="154">
        <v>1</v>
      </c>
      <c r="AA344" s="154"/>
      <c r="AB344" s="154"/>
      <c r="AC344" s="154"/>
      <c r="AD344" s="116">
        <v>16</v>
      </c>
      <c r="AE344" s="116"/>
      <c r="AF344" s="116"/>
      <c r="AG344" s="151"/>
    </row>
    <row r="345" spans="1:33" s="1" customFormat="1" ht="15.75" customHeight="1" x14ac:dyDescent="0.15">
      <c r="A345" s="148" t="s">
        <v>210</v>
      </c>
      <c r="B345" s="149"/>
      <c r="C345" s="149"/>
      <c r="D345" s="149"/>
      <c r="E345" s="149"/>
      <c r="F345" s="149"/>
      <c r="G345" s="149"/>
      <c r="H345" s="149"/>
      <c r="I345" s="150"/>
      <c r="J345" s="168">
        <v>3</v>
      </c>
      <c r="K345" s="168"/>
      <c r="L345" s="168"/>
      <c r="M345" s="168"/>
      <c r="N345" s="152">
        <v>10</v>
      </c>
      <c r="O345" s="152"/>
      <c r="P345" s="152"/>
      <c r="Q345" s="152"/>
      <c r="R345" s="168">
        <v>3</v>
      </c>
      <c r="S345" s="168"/>
      <c r="T345" s="168"/>
      <c r="U345" s="168"/>
      <c r="V345" s="152">
        <v>14</v>
      </c>
      <c r="W345" s="152"/>
      <c r="X345" s="152"/>
      <c r="Y345" s="152"/>
      <c r="Z345" s="154">
        <v>3</v>
      </c>
      <c r="AA345" s="154"/>
      <c r="AB345" s="154"/>
      <c r="AC345" s="154"/>
      <c r="AD345" s="116">
        <v>16</v>
      </c>
      <c r="AE345" s="116"/>
      <c r="AF345" s="116"/>
      <c r="AG345" s="151"/>
    </row>
    <row r="346" spans="1:33" s="1" customFormat="1" ht="15.75" customHeight="1" x14ac:dyDescent="0.15">
      <c r="A346" s="148" t="s">
        <v>241</v>
      </c>
      <c r="B346" s="149"/>
      <c r="C346" s="149"/>
      <c r="D346" s="149"/>
      <c r="E346" s="149"/>
      <c r="F346" s="149"/>
      <c r="G346" s="149"/>
      <c r="H346" s="149"/>
      <c r="I346" s="150"/>
      <c r="J346" s="921">
        <v>10</v>
      </c>
      <c r="K346" s="169"/>
      <c r="L346" s="169"/>
      <c r="M346" s="169"/>
      <c r="N346" s="152">
        <v>16</v>
      </c>
      <c r="O346" s="152"/>
      <c r="P346" s="152"/>
      <c r="Q346" s="152"/>
      <c r="R346" s="168">
        <v>10</v>
      </c>
      <c r="S346" s="168"/>
      <c r="T346" s="168"/>
      <c r="U346" s="168"/>
      <c r="V346" s="152">
        <v>20</v>
      </c>
      <c r="W346" s="152"/>
      <c r="X346" s="152"/>
      <c r="Y346" s="152"/>
      <c r="Z346" s="154">
        <v>10</v>
      </c>
      <c r="AA346" s="154"/>
      <c r="AB346" s="154"/>
      <c r="AC346" s="154"/>
      <c r="AD346" s="116">
        <v>16</v>
      </c>
      <c r="AE346" s="116"/>
      <c r="AF346" s="116"/>
      <c r="AG346" s="151"/>
    </row>
    <row r="347" spans="1:33" s="1" customFormat="1" ht="15.75" customHeight="1" x14ac:dyDescent="0.15">
      <c r="A347" s="148" t="s">
        <v>242</v>
      </c>
      <c r="B347" s="149"/>
      <c r="C347" s="149"/>
      <c r="D347" s="149"/>
      <c r="E347" s="149"/>
      <c r="F347" s="149"/>
      <c r="G347" s="149"/>
      <c r="H347" s="149"/>
      <c r="I347" s="150"/>
      <c r="J347" s="168">
        <v>3</v>
      </c>
      <c r="K347" s="168"/>
      <c r="L347" s="168"/>
      <c r="M347" s="168"/>
      <c r="N347" s="152">
        <v>12</v>
      </c>
      <c r="O347" s="152"/>
      <c r="P347" s="152"/>
      <c r="Q347" s="152"/>
      <c r="R347" s="168">
        <v>3</v>
      </c>
      <c r="S347" s="168"/>
      <c r="T347" s="168"/>
      <c r="U347" s="168"/>
      <c r="V347" s="152">
        <v>12</v>
      </c>
      <c r="W347" s="152"/>
      <c r="X347" s="152"/>
      <c r="Y347" s="152"/>
      <c r="Z347" s="154">
        <v>3</v>
      </c>
      <c r="AA347" s="154"/>
      <c r="AB347" s="154"/>
      <c r="AC347" s="154"/>
      <c r="AD347" s="116">
        <v>12</v>
      </c>
      <c r="AE347" s="116"/>
      <c r="AF347" s="116"/>
      <c r="AG347" s="151"/>
    </row>
    <row r="348" spans="1:33" s="1" customFormat="1" ht="15.75" customHeight="1" x14ac:dyDescent="0.15">
      <c r="A348" s="148" t="s">
        <v>500</v>
      </c>
      <c r="B348" s="149"/>
      <c r="C348" s="149"/>
      <c r="D348" s="149"/>
      <c r="E348" s="149"/>
      <c r="F348" s="149"/>
      <c r="G348" s="149"/>
      <c r="H348" s="149"/>
      <c r="I348" s="150"/>
      <c r="J348" s="168">
        <v>5</v>
      </c>
      <c r="K348" s="168"/>
      <c r="L348" s="168"/>
      <c r="M348" s="168"/>
      <c r="N348" s="152">
        <v>10</v>
      </c>
      <c r="O348" s="152"/>
      <c r="P348" s="152"/>
      <c r="Q348" s="152"/>
      <c r="R348" s="168">
        <v>5</v>
      </c>
      <c r="S348" s="168"/>
      <c r="T348" s="168"/>
      <c r="U348" s="168"/>
      <c r="V348" s="152">
        <v>15</v>
      </c>
      <c r="W348" s="152"/>
      <c r="X348" s="152"/>
      <c r="Y348" s="152"/>
      <c r="Z348" s="154">
        <v>5</v>
      </c>
      <c r="AA348" s="154"/>
      <c r="AB348" s="154"/>
      <c r="AC348" s="154"/>
      <c r="AD348" s="116">
        <v>16</v>
      </c>
      <c r="AE348" s="116"/>
      <c r="AF348" s="116"/>
      <c r="AG348" s="151"/>
    </row>
    <row r="349" spans="1:33" s="1" customFormat="1" ht="15.75" customHeight="1" x14ac:dyDescent="0.15">
      <c r="A349" s="148" t="s">
        <v>501</v>
      </c>
      <c r="B349" s="149"/>
      <c r="C349" s="149"/>
      <c r="D349" s="149"/>
      <c r="E349" s="149"/>
      <c r="F349" s="149"/>
      <c r="G349" s="149"/>
      <c r="H349" s="149"/>
      <c r="I349" s="150"/>
      <c r="J349" s="168">
        <v>4</v>
      </c>
      <c r="K349" s="168"/>
      <c r="L349" s="168"/>
      <c r="M349" s="168"/>
      <c r="N349" s="152">
        <v>7</v>
      </c>
      <c r="O349" s="152"/>
      <c r="P349" s="152"/>
      <c r="Q349" s="152"/>
      <c r="R349" s="169" t="s">
        <v>105</v>
      </c>
      <c r="S349" s="169"/>
      <c r="T349" s="169"/>
      <c r="U349" s="169"/>
      <c r="V349" s="152" t="s">
        <v>105</v>
      </c>
      <c r="W349" s="152"/>
      <c r="X349" s="152"/>
      <c r="Y349" s="152"/>
      <c r="Z349" s="153" t="s">
        <v>105</v>
      </c>
      <c r="AA349" s="153"/>
      <c r="AB349" s="153"/>
      <c r="AC349" s="153"/>
      <c r="AD349" s="116" t="s">
        <v>105</v>
      </c>
      <c r="AE349" s="116"/>
      <c r="AF349" s="116"/>
      <c r="AG349" s="151"/>
    </row>
    <row r="350" spans="1:33" s="1" customFormat="1" ht="15.75" customHeight="1" x14ac:dyDescent="0.15">
      <c r="A350" s="148" t="s">
        <v>502</v>
      </c>
      <c r="B350" s="149"/>
      <c r="C350" s="149"/>
      <c r="D350" s="149"/>
      <c r="E350" s="149"/>
      <c r="F350" s="149"/>
      <c r="G350" s="149"/>
      <c r="H350" s="149"/>
      <c r="I350" s="150"/>
      <c r="J350" s="168">
        <v>5</v>
      </c>
      <c r="K350" s="168"/>
      <c r="L350" s="168"/>
      <c r="M350" s="168"/>
      <c r="N350" s="152">
        <v>10</v>
      </c>
      <c r="O350" s="152"/>
      <c r="P350" s="152"/>
      <c r="Q350" s="152"/>
      <c r="R350" s="168">
        <v>5</v>
      </c>
      <c r="S350" s="168"/>
      <c r="T350" s="168"/>
      <c r="U350" s="168"/>
      <c r="V350" s="152">
        <v>10</v>
      </c>
      <c r="W350" s="152"/>
      <c r="X350" s="152"/>
      <c r="Y350" s="152"/>
      <c r="Z350" s="154">
        <v>5</v>
      </c>
      <c r="AA350" s="154"/>
      <c r="AB350" s="154"/>
      <c r="AC350" s="154"/>
      <c r="AD350" s="116">
        <v>10</v>
      </c>
      <c r="AE350" s="116"/>
      <c r="AF350" s="116"/>
      <c r="AG350" s="151"/>
    </row>
    <row r="351" spans="1:33" s="1" customFormat="1" ht="15.75" customHeight="1" x14ac:dyDescent="0.15">
      <c r="A351" s="148" t="s">
        <v>578</v>
      </c>
      <c r="B351" s="149"/>
      <c r="C351" s="149"/>
      <c r="D351" s="149"/>
      <c r="E351" s="149"/>
      <c r="F351" s="149"/>
      <c r="G351" s="149"/>
      <c r="H351" s="149"/>
      <c r="I351" s="150"/>
      <c r="J351" s="155" t="s">
        <v>105</v>
      </c>
      <c r="K351" s="155"/>
      <c r="L351" s="155"/>
      <c r="M351" s="155"/>
      <c r="N351" s="156" t="s">
        <v>579</v>
      </c>
      <c r="O351" s="156"/>
      <c r="P351" s="156"/>
      <c r="Q351" s="156"/>
      <c r="R351" s="157">
        <v>2</v>
      </c>
      <c r="S351" s="157"/>
      <c r="T351" s="157"/>
      <c r="U351" s="157"/>
      <c r="V351" s="152">
        <v>12</v>
      </c>
      <c r="W351" s="152"/>
      <c r="X351" s="152"/>
      <c r="Y351" s="152"/>
      <c r="Z351" s="154">
        <v>2</v>
      </c>
      <c r="AA351" s="154"/>
      <c r="AB351" s="154"/>
      <c r="AC351" s="154"/>
      <c r="AD351" s="116">
        <v>12</v>
      </c>
      <c r="AE351" s="116"/>
      <c r="AF351" s="116"/>
      <c r="AG351" s="151"/>
    </row>
    <row r="352" spans="1:33" s="1" customFormat="1" ht="15.75" customHeight="1" x14ac:dyDescent="0.15">
      <c r="A352" s="148" t="s">
        <v>580</v>
      </c>
      <c r="B352" s="149"/>
      <c r="C352" s="149"/>
      <c r="D352" s="149"/>
      <c r="E352" s="149"/>
      <c r="F352" s="149"/>
      <c r="G352" s="149"/>
      <c r="H352" s="149"/>
      <c r="I352" s="150"/>
      <c r="J352" s="155" t="s">
        <v>105</v>
      </c>
      <c r="K352" s="155"/>
      <c r="L352" s="155"/>
      <c r="M352" s="155"/>
      <c r="N352" s="156" t="s">
        <v>579</v>
      </c>
      <c r="O352" s="156"/>
      <c r="P352" s="156"/>
      <c r="Q352" s="156"/>
      <c r="R352" s="157">
        <v>4</v>
      </c>
      <c r="S352" s="157"/>
      <c r="T352" s="157"/>
      <c r="U352" s="157"/>
      <c r="V352" s="152">
        <v>10</v>
      </c>
      <c r="W352" s="152"/>
      <c r="X352" s="152"/>
      <c r="Y352" s="152"/>
      <c r="Z352" s="154">
        <v>4</v>
      </c>
      <c r="AA352" s="154"/>
      <c r="AB352" s="154"/>
      <c r="AC352" s="154"/>
      <c r="AD352" s="116">
        <v>12</v>
      </c>
      <c r="AE352" s="116"/>
      <c r="AF352" s="116"/>
      <c r="AG352" s="151"/>
    </row>
    <row r="353" spans="1:33" s="1" customFormat="1" ht="15.75" customHeight="1" x14ac:dyDescent="0.15">
      <c r="A353" s="148" t="s">
        <v>581</v>
      </c>
      <c r="B353" s="149"/>
      <c r="C353" s="149"/>
      <c r="D353" s="149"/>
      <c r="E353" s="149"/>
      <c r="F353" s="149"/>
      <c r="G353" s="149"/>
      <c r="H353" s="149"/>
      <c r="I353" s="150"/>
      <c r="J353" s="155" t="s">
        <v>105</v>
      </c>
      <c r="K353" s="155"/>
      <c r="L353" s="155"/>
      <c r="M353" s="155"/>
      <c r="N353" s="156" t="s">
        <v>579</v>
      </c>
      <c r="O353" s="156"/>
      <c r="P353" s="156"/>
      <c r="Q353" s="156"/>
      <c r="R353" s="157">
        <v>3</v>
      </c>
      <c r="S353" s="157"/>
      <c r="T353" s="157"/>
      <c r="U353" s="157"/>
      <c r="V353" s="152">
        <v>10</v>
      </c>
      <c r="W353" s="152"/>
      <c r="X353" s="152"/>
      <c r="Y353" s="152"/>
      <c r="Z353" s="154">
        <v>4</v>
      </c>
      <c r="AA353" s="154"/>
      <c r="AB353" s="154"/>
      <c r="AC353" s="154"/>
      <c r="AD353" s="116">
        <v>6</v>
      </c>
      <c r="AE353" s="116"/>
      <c r="AF353" s="116"/>
      <c r="AG353" s="151"/>
    </row>
    <row r="354" spans="1:33" s="1" customFormat="1" ht="15.75" customHeight="1" x14ac:dyDescent="0.15">
      <c r="A354" s="148" t="s">
        <v>582</v>
      </c>
      <c r="B354" s="149"/>
      <c r="C354" s="149"/>
      <c r="D354" s="149"/>
      <c r="E354" s="149"/>
      <c r="F354" s="149"/>
      <c r="G354" s="149"/>
      <c r="H354" s="149"/>
      <c r="I354" s="150"/>
      <c r="J354" s="155" t="s">
        <v>105</v>
      </c>
      <c r="K354" s="155"/>
      <c r="L354" s="155"/>
      <c r="M354" s="155"/>
      <c r="N354" s="156" t="s">
        <v>579</v>
      </c>
      <c r="O354" s="156"/>
      <c r="P354" s="156"/>
      <c r="Q354" s="156"/>
      <c r="R354" s="157">
        <v>2</v>
      </c>
      <c r="S354" s="157"/>
      <c r="T354" s="157"/>
      <c r="U354" s="157"/>
      <c r="V354" s="152">
        <v>6</v>
      </c>
      <c r="W354" s="152"/>
      <c r="X354" s="152"/>
      <c r="Y354" s="152"/>
      <c r="Z354" s="154">
        <v>4</v>
      </c>
      <c r="AA354" s="154"/>
      <c r="AB354" s="154"/>
      <c r="AC354" s="154"/>
      <c r="AD354" s="116">
        <v>6</v>
      </c>
      <c r="AE354" s="116"/>
      <c r="AF354" s="116"/>
      <c r="AG354" s="151"/>
    </row>
    <row r="355" spans="1:33" s="1" customFormat="1" ht="15.75" customHeight="1" x14ac:dyDescent="0.15">
      <c r="A355" s="148" t="s">
        <v>583</v>
      </c>
      <c r="B355" s="149"/>
      <c r="C355" s="149"/>
      <c r="D355" s="149"/>
      <c r="E355" s="149"/>
      <c r="F355" s="149"/>
      <c r="G355" s="149"/>
      <c r="H355" s="149"/>
      <c r="I355" s="150"/>
      <c r="J355" s="155" t="s">
        <v>105</v>
      </c>
      <c r="K355" s="155"/>
      <c r="L355" s="155"/>
      <c r="M355" s="155"/>
      <c r="N355" s="156" t="s">
        <v>579</v>
      </c>
      <c r="O355" s="156"/>
      <c r="P355" s="156"/>
      <c r="Q355" s="156"/>
      <c r="R355" s="157">
        <v>2</v>
      </c>
      <c r="S355" s="157"/>
      <c r="T355" s="157"/>
      <c r="U355" s="157"/>
      <c r="V355" s="152">
        <v>12</v>
      </c>
      <c r="W355" s="152"/>
      <c r="X355" s="152"/>
      <c r="Y355" s="152"/>
      <c r="Z355" s="154">
        <v>2</v>
      </c>
      <c r="AA355" s="154"/>
      <c r="AB355" s="154"/>
      <c r="AC355" s="154"/>
      <c r="AD355" s="116">
        <v>12</v>
      </c>
      <c r="AE355" s="116"/>
      <c r="AF355" s="116"/>
      <c r="AG355" s="151"/>
    </row>
    <row r="356" spans="1:33" s="1" customFormat="1" ht="15.75" customHeight="1" x14ac:dyDescent="0.15">
      <c r="A356" s="148" t="s">
        <v>584</v>
      </c>
      <c r="B356" s="149"/>
      <c r="C356" s="149"/>
      <c r="D356" s="149"/>
      <c r="E356" s="149"/>
      <c r="F356" s="149"/>
      <c r="G356" s="149"/>
      <c r="H356" s="149"/>
      <c r="I356" s="150"/>
      <c r="J356" s="155" t="s">
        <v>105</v>
      </c>
      <c r="K356" s="155"/>
      <c r="L356" s="155"/>
      <c r="M356" s="155"/>
      <c r="N356" s="156" t="s">
        <v>579</v>
      </c>
      <c r="O356" s="156"/>
      <c r="P356" s="156"/>
      <c r="Q356" s="156"/>
      <c r="R356" s="157">
        <v>8</v>
      </c>
      <c r="S356" s="157"/>
      <c r="T356" s="157"/>
      <c r="U356" s="157"/>
      <c r="V356" s="152">
        <v>30</v>
      </c>
      <c r="W356" s="152"/>
      <c r="X356" s="152"/>
      <c r="Y356" s="152"/>
      <c r="Z356" s="154">
        <v>5</v>
      </c>
      <c r="AA356" s="154"/>
      <c r="AB356" s="154"/>
      <c r="AC356" s="154"/>
      <c r="AD356" s="116">
        <v>30</v>
      </c>
      <c r="AE356" s="116"/>
      <c r="AF356" s="116"/>
      <c r="AG356" s="151"/>
    </row>
    <row r="357" spans="1:33" s="1" customFormat="1" ht="15.75" customHeight="1" x14ac:dyDescent="0.15">
      <c r="A357" s="148" t="s">
        <v>585</v>
      </c>
      <c r="B357" s="149"/>
      <c r="C357" s="149"/>
      <c r="D357" s="149"/>
      <c r="E357" s="149"/>
      <c r="F357" s="149"/>
      <c r="G357" s="149"/>
      <c r="H357" s="149"/>
      <c r="I357" s="150"/>
      <c r="J357" s="155" t="s">
        <v>105</v>
      </c>
      <c r="K357" s="155"/>
      <c r="L357" s="155"/>
      <c r="M357" s="155"/>
      <c r="N357" s="156" t="s">
        <v>579</v>
      </c>
      <c r="O357" s="156"/>
      <c r="P357" s="156"/>
      <c r="Q357" s="156"/>
      <c r="R357" s="157">
        <v>4</v>
      </c>
      <c r="S357" s="157"/>
      <c r="T357" s="157"/>
      <c r="U357" s="157"/>
      <c r="V357" s="152">
        <v>30</v>
      </c>
      <c r="W357" s="152"/>
      <c r="X357" s="152"/>
      <c r="Y357" s="152"/>
      <c r="Z357" s="153" t="s">
        <v>105</v>
      </c>
      <c r="AA357" s="153"/>
      <c r="AB357" s="153"/>
      <c r="AC357" s="153"/>
      <c r="AD357" s="116" t="s">
        <v>105</v>
      </c>
      <c r="AE357" s="116"/>
      <c r="AF357" s="116"/>
      <c r="AG357" s="151"/>
    </row>
    <row r="358" spans="1:33" s="1" customFormat="1" ht="15.75" customHeight="1" x14ac:dyDescent="0.15">
      <c r="A358" s="207" t="s">
        <v>638</v>
      </c>
      <c r="B358" s="208"/>
      <c r="C358" s="208"/>
      <c r="D358" s="208"/>
      <c r="E358" s="208"/>
      <c r="F358" s="208"/>
      <c r="G358" s="208"/>
      <c r="H358" s="208"/>
      <c r="I358" s="209"/>
      <c r="J358" s="954" t="s">
        <v>105</v>
      </c>
      <c r="K358" s="954"/>
      <c r="L358" s="954"/>
      <c r="M358" s="954"/>
      <c r="N358" s="325" t="s">
        <v>579</v>
      </c>
      <c r="O358" s="325"/>
      <c r="P358" s="325"/>
      <c r="Q358" s="325"/>
      <c r="R358" s="607" t="s">
        <v>639</v>
      </c>
      <c r="S358" s="607"/>
      <c r="T358" s="607"/>
      <c r="U358" s="607"/>
      <c r="V358" s="922" t="s">
        <v>105</v>
      </c>
      <c r="W358" s="922"/>
      <c r="X358" s="922"/>
      <c r="Y358" s="922"/>
      <c r="Z358" s="259">
        <v>2</v>
      </c>
      <c r="AA358" s="259"/>
      <c r="AB358" s="259"/>
      <c r="AC358" s="259"/>
      <c r="AD358" s="605">
        <v>24</v>
      </c>
      <c r="AE358" s="605"/>
      <c r="AF358" s="605"/>
      <c r="AG358" s="606"/>
    </row>
    <row r="359" spans="1:33" s="1" customFormat="1" ht="15.95" customHeight="1" x14ac:dyDescent="0.15">
      <c r="A359" s="8" t="s">
        <v>93</v>
      </c>
      <c r="B359" s="27"/>
      <c r="C359" s="27"/>
      <c r="D359" s="27"/>
      <c r="E359" s="27"/>
      <c r="F359" s="27"/>
      <c r="G359" s="27"/>
      <c r="H359" s="2"/>
      <c r="I359" s="2"/>
      <c r="J359" s="57"/>
      <c r="K359" s="57"/>
      <c r="L359" s="57"/>
      <c r="M359" s="58"/>
      <c r="N359" s="58"/>
      <c r="O359" s="58"/>
      <c r="P359" s="58"/>
      <c r="Q359" s="58"/>
      <c r="R359" s="58"/>
      <c r="S359" s="58"/>
      <c r="T359" s="58"/>
      <c r="U359" s="58"/>
      <c r="V359" s="29"/>
      <c r="W359" s="29"/>
      <c r="X359" s="29"/>
      <c r="Y359" s="29"/>
      <c r="Z359" s="30"/>
      <c r="AA359" s="25"/>
      <c r="AB359" s="25"/>
      <c r="AC359" s="25"/>
      <c r="AD359" s="67"/>
      <c r="AE359" s="67"/>
      <c r="AF359" s="67"/>
      <c r="AG359" s="67" t="s">
        <v>499</v>
      </c>
    </row>
    <row r="360" spans="1:33" s="1" customFormat="1" ht="15.95" customHeight="1" x14ac:dyDescent="0.15">
      <c r="A360" s="2"/>
      <c r="B360" s="27"/>
      <c r="C360" s="27"/>
      <c r="D360" s="27"/>
      <c r="E360" s="27"/>
      <c r="F360" s="27"/>
      <c r="G360" s="27"/>
      <c r="H360" s="2"/>
      <c r="I360" s="2"/>
      <c r="J360" s="30"/>
      <c r="K360" s="30"/>
      <c r="L360" s="30"/>
      <c r="M360" s="29"/>
      <c r="N360" s="29"/>
      <c r="O360" s="29"/>
      <c r="P360" s="29"/>
      <c r="Q360" s="29"/>
      <c r="R360" s="29"/>
      <c r="S360" s="29"/>
      <c r="T360" s="29"/>
      <c r="U360" s="29"/>
      <c r="V360" s="29"/>
      <c r="W360" s="29"/>
      <c r="X360" s="29"/>
      <c r="Y360" s="29"/>
      <c r="Z360" s="3"/>
      <c r="AA360" s="65"/>
      <c r="AB360" s="65"/>
      <c r="AC360" s="65"/>
      <c r="AD360" s="67"/>
      <c r="AE360" s="67"/>
      <c r="AF360" s="67"/>
      <c r="AG360" s="67"/>
    </row>
    <row r="361" spans="1:33" s="1" customFormat="1" ht="15.95" customHeight="1" x14ac:dyDescent="0.15">
      <c r="A361" s="4" t="s">
        <v>262</v>
      </c>
      <c r="Z361" s="66"/>
      <c r="AA361" s="66"/>
      <c r="AB361" s="66"/>
      <c r="AC361" s="66"/>
      <c r="AD361" s="68"/>
      <c r="AE361" s="69"/>
      <c r="AF361" s="69"/>
      <c r="AG361" s="70"/>
    </row>
    <row r="362" spans="1:33" s="1" customFormat="1" ht="15.95" customHeight="1" x14ac:dyDescent="0.15">
      <c r="A362" s="983" t="s">
        <v>108</v>
      </c>
      <c r="B362" s="984"/>
      <c r="C362" s="984"/>
      <c r="D362" s="984"/>
      <c r="E362" s="984"/>
      <c r="F362" s="984"/>
      <c r="G362" s="984"/>
      <c r="H362" s="984"/>
      <c r="I362" s="985"/>
      <c r="J362" s="609">
        <v>4</v>
      </c>
      <c r="K362" s="610"/>
      <c r="L362" s="610"/>
      <c r="M362" s="610"/>
      <c r="N362" s="610"/>
      <c r="O362" s="610"/>
      <c r="P362" s="610"/>
      <c r="Q362" s="611"/>
      <c r="R362" s="609">
        <v>5</v>
      </c>
      <c r="S362" s="610"/>
      <c r="T362" s="610"/>
      <c r="U362" s="610"/>
      <c r="V362" s="610"/>
      <c r="W362" s="610"/>
      <c r="X362" s="610"/>
      <c r="Y362" s="611"/>
      <c r="Z362" s="970">
        <v>6</v>
      </c>
      <c r="AA362" s="970"/>
      <c r="AB362" s="970"/>
      <c r="AC362" s="970"/>
      <c r="AD362" s="970"/>
      <c r="AE362" s="970"/>
      <c r="AF362" s="970"/>
      <c r="AG362" s="971"/>
    </row>
    <row r="363" spans="1:33" s="1" customFormat="1" ht="15.75" customHeight="1" x14ac:dyDescent="0.15">
      <c r="A363" s="980" t="s">
        <v>92</v>
      </c>
      <c r="B363" s="981"/>
      <c r="C363" s="981"/>
      <c r="D363" s="981"/>
      <c r="E363" s="981"/>
      <c r="F363" s="981"/>
      <c r="G363" s="981"/>
      <c r="H363" s="981"/>
      <c r="I363" s="982"/>
      <c r="J363" s="612"/>
      <c r="K363" s="613"/>
      <c r="L363" s="613"/>
      <c r="M363" s="613"/>
      <c r="N363" s="613"/>
      <c r="O363" s="613"/>
      <c r="P363" s="613"/>
      <c r="Q363" s="614"/>
      <c r="R363" s="612"/>
      <c r="S363" s="613"/>
      <c r="T363" s="613"/>
      <c r="U363" s="613"/>
      <c r="V363" s="613"/>
      <c r="W363" s="613"/>
      <c r="X363" s="613"/>
      <c r="Y363" s="614"/>
      <c r="Z363" s="972"/>
      <c r="AA363" s="972"/>
      <c r="AB363" s="972"/>
      <c r="AC363" s="972"/>
      <c r="AD363" s="972"/>
      <c r="AE363" s="972"/>
      <c r="AF363" s="972"/>
      <c r="AG363" s="973"/>
    </row>
    <row r="364" spans="1:33" s="1" customFormat="1" ht="15.75" customHeight="1" x14ac:dyDescent="0.15">
      <c r="A364" s="819" t="s">
        <v>121</v>
      </c>
      <c r="B364" s="820"/>
      <c r="C364" s="820"/>
      <c r="D364" s="820"/>
      <c r="E364" s="820"/>
      <c r="F364" s="820"/>
      <c r="G364" s="820"/>
      <c r="H364" s="820"/>
      <c r="I364" s="821"/>
      <c r="J364" s="341">
        <v>5</v>
      </c>
      <c r="K364" s="341"/>
      <c r="L364" s="341"/>
      <c r="M364" s="341"/>
      <c r="N364" s="608">
        <v>20</v>
      </c>
      <c r="O364" s="608"/>
      <c r="P364" s="608"/>
      <c r="Q364" s="608"/>
      <c r="R364" s="157">
        <v>5</v>
      </c>
      <c r="S364" s="157"/>
      <c r="T364" s="157"/>
      <c r="U364" s="157"/>
      <c r="V364" s="608">
        <v>40</v>
      </c>
      <c r="W364" s="608"/>
      <c r="X364" s="608"/>
      <c r="Y364" s="608"/>
      <c r="Z364" s="618">
        <v>5</v>
      </c>
      <c r="AA364" s="618"/>
      <c r="AB364" s="618"/>
      <c r="AC364" s="618"/>
      <c r="AD364" s="619">
        <v>32</v>
      </c>
      <c r="AE364" s="619"/>
      <c r="AF364" s="619"/>
      <c r="AG364" s="620"/>
    </row>
    <row r="365" spans="1:33" s="1" customFormat="1" ht="15.75" customHeight="1" x14ac:dyDescent="0.15">
      <c r="A365" s="804" t="s">
        <v>122</v>
      </c>
      <c r="B365" s="805"/>
      <c r="C365" s="805"/>
      <c r="D365" s="805"/>
      <c r="E365" s="805"/>
      <c r="F365" s="805"/>
      <c r="G365" s="805"/>
      <c r="H365" s="805"/>
      <c r="I365" s="806"/>
      <c r="J365" s="265">
        <v>20</v>
      </c>
      <c r="K365" s="265"/>
      <c r="L365" s="265"/>
      <c r="M365" s="265"/>
      <c r="N365" s="122">
        <v>5</v>
      </c>
      <c r="O365" s="122"/>
      <c r="P365" s="122"/>
      <c r="Q365" s="122"/>
      <c r="R365" s="157">
        <v>20</v>
      </c>
      <c r="S365" s="157"/>
      <c r="T365" s="157"/>
      <c r="U365" s="157"/>
      <c r="V365" s="122">
        <v>10</v>
      </c>
      <c r="W365" s="122"/>
      <c r="X365" s="122"/>
      <c r="Y365" s="122"/>
      <c r="Z365" s="177">
        <v>20</v>
      </c>
      <c r="AA365" s="177"/>
      <c r="AB365" s="177"/>
      <c r="AC365" s="177"/>
      <c r="AD365" s="178">
        <v>7</v>
      </c>
      <c r="AE365" s="178"/>
      <c r="AF365" s="178"/>
      <c r="AG365" s="179"/>
    </row>
    <row r="366" spans="1:33" s="2" customFormat="1" ht="15.75" customHeight="1" x14ac:dyDescent="0.15">
      <c r="A366" s="804" t="s">
        <v>120</v>
      </c>
      <c r="B366" s="805"/>
      <c r="C366" s="805"/>
      <c r="D366" s="805"/>
      <c r="E366" s="805"/>
      <c r="F366" s="805"/>
      <c r="G366" s="805"/>
      <c r="H366" s="805"/>
      <c r="I366" s="806"/>
      <c r="J366" s="265">
        <v>20</v>
      </c>
      <c r="K366" s="265"/>
      <c r="L366" s="265"/>
      <c r="M366" s="265"/>
      <c r="N366" s="122">
        <v>20</v>
      </c>
      <c r="O366" s="122"/>
      <c r="P366" s="122"/>
      <c r="Q366" s="122"/>
      <c r="R366" s="157">
        <v>20</v>
      </c>
      <c r="S366" s="157"/>
      <c r="T366" s="157"/>
      <c r="U366" s="157"/>
      <c r="V366" s="122">
        <v>20</v>
      </c>
      <c r="W366" s="122"/>
      <c r="X366" s="122"/>
      <c r="Y366" s="122"/>
      <c r="Z366" s="177">
        <v>20</v>
      </c>
      <c r="AA366" s="177"/>
      <c r="AB366" s="177"/>
      <c r="AC366" s="177"/>
      <c r="AD366" s="178">
        <v>21</v>
      </c>
      <c r="AE366" s="178"/>
      <c r="AF366" s="178"/>
      <c r="AG366" s="179"/>
    </row>
    <row r="367" spans="1:33" s="1" customFormat="1" ht="15.75" customHeight="1" x14ac:dyDescent="0.15">
      <c r="A367" s="804" t="s">
        <v>123</v>
      </c>
      <c r="B367" s="805"/>
      <c r="C367" s="805"/>
      <c r="D367" s="805"/>
      <c r="E367" s="805"/>
      <c r="F367" s="805"/>
      <c r="G367" s="805"/>
      <c r="H367" s="805"/>
      <c r="I367" s="806"/>
      <c r="J367" s="265">
        <v>7</v>
      </c>
      <c r="K367" s="265"/>
      <c r="L367" s="265"/>
      <c r="M367" s="265"/>
      <c r="N367" s="122">
        <v>10</v>
      </c>
      <c r="O367" s="122"/>
      <c r="P367" s="122"/>
      <c r="Q367" s="122"/>
      <c r="R367" s="157">
        <v>7</v>
      </c>
      <c r="S367" s="157"/>
      <c r="T367" s="157"/>
      <c r="U367" s="157"/>
      <c r="V367" s="122">
        <v>25</v>
      </c>
      <c r="W367" s="122"/>
      <c r="X367" s="122"/>
      <c r="Y367" s="122"/>
      <c r="Z367" s="177">
        <v>7</v>
      </c>
      <c r="AA367" s="177"/>
      <c r="AB367" s="177"/>
      <c r="AC367" s="177"/>
      <c r="AD367" s="178">
        <v>25</v>
      </c>
      <c r="AE367" s="178"/>
      <c r="AF367" s="178"/>
      <c r="AG367" s="179"/>
    </row>
    <row r="368" spans="1:33" s="1" customFormat="1" ht="15.75" customHeight="1" x14ac:dyDescent="0.15">
      <c r="A368" s="804" t="s">
        <v>124</v>
      </c>
      <c r="B368" s="805"/>
      <c r="C368" s="805"/>
      <c r="D368" s="805"/>
      <c r="E368" s="805"/>
      <c r="F368" s="805"/>
      <c r="G368" s="805"/>
      <c r="H368" s="805"/>
      <c r="I368" s="806"/>
      <c r="J368" s="265">
        <v>5</v>
      </c>
      <c r="K368" s="265"/>
      <c r="L368" s="265"/>
      <c r="M368" s="265"/>
      <c r="N368" s="122">
        <v>10</v>
      </c>
      <c r="O368" s="122"/>
      <c r="P368" s="122"/>
      <c r="Q368" s="122"/>
      <c r="R368" s="157">
        <v>5</v>
      </c>
      <c r="S368" s="157"/>
      <c r="T368" s="157"/>
      <c r="U368" s="157"/>
      <c r="V368" s="122">
        <v>25</v>
      </c>
      <c r="W368" s="122"/>
      <c r="X368" s="122"/>
      <c r="Y368" s="122"/>
      <c r="Z368" s="177">
        <v>5</v>
      </c>
      <c r="AA368" s="177"/>
      <c r="AB368" s="177"/>
      <c r="AC368" s="177"/>
      <c r="AD368" s="178">
        <v>19</v>
      </c>
      <c r="AE368" s="178"/>
      <c r="AF368" s="178"/>
      <c r="AG368" s="179"/>
    </row>
    <row r="369" spans="1:38" s="1" customFormat="1" ht="15.75" customHeight="1" x14ac:dyDescent="0.15">
      <c r="A369" s="804" t="s">
        <v>407</v>
      </c>
      <c r="B369" s="805"/>
      <c r="C369" s="805"/>
      <c r="D369" s="805"/>
      <c r="E369" s="805"/>
      <c r="F369" s="805"/>
      <c r="G369" s="805"/>
      <c r="H369" s="805"/>
      <c r="I369" s="806"/>
      <c r="J369" s="265">
        <v>10</v>
      </c>
      <c r="K369" s="265"/>
      <c r="L369" s="265"/>
      <c r="M369" s="265"/>
      <c r="N369" s="122">
        <v>30</v>
      </c>
      <c r="O369" s="122"/>
      <c r="P369" s="122"/>
      <c r="Q369" s="122"/>
      <c r="R369" s="157">
        <v>10</v>
      </c>
      <c r="S369" s="157"/>
      <c r="T369" s="157"/>
      <c r="U369" s="157"/>
      <c r="V369" s="122">
        <v>35</v>
      </c>
      <c r="W369" s="122"/>
      <c r="X369" s="122"/>
      <c r="Y369" s="122"/>
      <c r="Z369" s="177" t="s">
        <v>105</v>
      </c>
      <c r="AA369" s="177"/>
      <c r="AB369" s="177"/>
      <c r="AC369" s="177"/>
      <c r="AD369" s="178" t="s">
        <v>178</v>
      </c>
      <c r="AE369" s="178"/>
      <c r="AF369" s="178"/>
      <c r="AG369" s="179"/>
    </row>
    <row r="370" spans="1:38" s="1" customFormat="1" ht="15.75" customHeight="1" x14ac:dyDescent="0.15">
      <c r="A370" s="804" t="s">
        <v>494</v>
      </c>
      <c r="B370" s="805"/>
      <c r="C370" s="805"/>
      <c r="D370" s="805"/>
      <c r="E370" s="805"/>
      <c r="F370" s="805"/>
      <c r="G370" s="805"/>
      <c r="H370" s="805"/>
      <c r="I370" s="806"/>
      <c r="J370" s="176" t="s">
        <v>105</v>
      </c>
      <c r="K370" s="176"/>
      <c r="L370" s="176"/>
      <c r="M370" s="176"/>
      <c r="N370" s="122" t="s">
        <v>105</v>
      </c>
      <c r="O370" s="122"/>
      <c r="P370" s="122"/>
      <c r="Q370" s="122"/>
      <c r="R370" s="155" t="s">
        <v>105</v>
      </c>
      <c r="S370" s="155"/>
      <c r="T370" s="155"/>
      <c r="U370" s="155"/>
      <c r="V370" s="122" t="s">
        <v>105</v>
      </c>
      <c r="W370" s="122"/>
      <c r="X370" s="122"/>
      <c r="Y370" s="122"/>
      <c r="Z370" s="177" t="s">
        <v>105</v>
      </c>
      <c r="AA370" s="177"/>
      <c r="AB370" s="177"/>
      <c r="AC370" s="177"/>
      <c r="AD370" s="178" t="s">
        <v>178</v>
      </c>
      <c r="AE370" s="178"/>
      <c r="AF370" s="178"/>
      <c r="AG370" s="179"/>
    </row>
    <row r="371" spans="1:38" s="1" customFormat="1" ht="15.75" customHeight="1" x14ac:dyDescent="0.15">
      <c r="A371" s="384" t="s">
        <v>495</v>
      </c>
      <c r="B371" s="242"/>
      <c r="C371" s="242"/>
      <c r="D371" s="242"/>
      <c r="E371" s="242"/>
      <c r="F371" s="242"/>
      <c r="G371" s="242"/>
      <c r="H371" s="242"/>
      <c r="I371" s="243"/>
      <c r="J371" s="264">
        <v>2</v>
      </c>
      <c r="K371" s="265"/>
      <c r="L371" s="265"/>
      <c r="M371" s="265"/>
      <c r="N371" s="297">
        <v>15</v>
      </c>
      <c r="O371" s="297"/>
      <c r="P371" s="297"/>
      <c r="Q371" s="297"/>
      <c r="R371" s="155" t="s">
        <v>105</v>
      </c>
      <c r="S371" s="155"/>
      <c r="T371" s="155"/>
      <c r="U371" s="155"/>
      <c r="V371" s="122" t="s">
        <v>105</v>
      </c>
      <c r="W371" s="122"/>
      <c r="X371" s="122"/>
      <c r="Y371" s="122"/>
      <c r="Z371" s="942">
        <v>2</v>
      </c>
      <c r="AA371" s="942"/>
      <c r="AB371" s="942"/>
      <c r="AC371" s="942"/>
      <c r="AD371" s="178">
        <v>20</v>
      </c>
      <c r="AE371" s="178"/>
      <c r="AF371" s="178"/>
      <c r="AG371" s="179"/>
    </row>
    <row r="372" spans="1:38" s="1" customFormat="1" ht="15.75" customHeight="1" x14ac:dyDescent="0.15">
      <c r="A372" s="294" t="s">
        <v>586</v>
      </c>
      <c r="B372" s="295"/>
      <c r="C372" s="295"/>
      <c r="D372" s="295"/>
      <c r="E372" s="295"/>
      <c r="F372" s="295"/>
      <c r="G372" s="295"/>
      <c r="H372" s="295"/>
      <c r="I372" s="296"/>
      <c r="J372" s="265">
        <v>1</v>
      </c>
      <c r="K372" s="265"/>
      <c r="L372" s="265"/>
      <c r="M372" s="265"/>
      <c r="N372" s="297">
        <v>30</v>
      </c>
      <c r="O372" s="297"/>
      <c r="P372" s="297"/>
      <c r="Q372" s="297"/>
      <c r="R372" s="155" t="s">
        <v>105</v>
      </c>
      <c r="S372" s="155"/>
      <c r="T372" s="155"/>
      <c r="U372" s="155"/>
      <c r="V372" s="297" t="s">
        <v>105</v>
      </c>
      <c r="W372" s="297"/>
      <c r="X372" s="297"/>
      <c r="Y372" s="297"/>
      <c r="Z372" s="942">
        <v>1</v>
      </c>
      <c r="AA372" s="942"/>
      <c r="AB372" s="942"/>
      <c r="AC372" s="942"/>
      <c r="AD372" s="317">
        <v>20</v>
      </c>
      <c r="AE372" s="317"/>
      <c r="AF372" s="317"/>
      <c r="AG372" s="318"/>
    </row>
    <row r="373" spans="1:38" s="1" customFormat="1" ht="15.75" customHeight="1" x14ac:dyDescent="0.15">
      <c r="A373" s="384" t="s">
        <v>587</v>
      </c>
      <c r="B373" s="242"/>
      <c r="C373" s="242"/>
      <c r="D373" s="242"/>
      <c r="E373" s="242"/>
      <c r="F373" s="242"/>
      <c r="G373" s="242"/>
      <c r="H373" s="242"/>
      <c r="I373" s="243"/>
      <c r="J373" s="951" t="s">
        <v>105</v>
      </c>
      <c r="K373" s="176"/>
      <c r="L373" s="176"/>
      <c r="M373" s="176"/>
      <c r="N373" s="297" t="s">
        <v>105</v>
      </c>
      <c r="O373" s="297"/>
      <c r="P373" s="297"/>
      <c r="Q373" s="297"/>
      <c r="R373" s="157">
        <v>5</v>
      </c>
      <c r="S373" s="157"/>
      <c r="T373" s="157"/>
      <c r="U373" s="157"/>
      <c r="V373" s="297">
        <v>20</v>
      </c>
      <c r="W373" s="297"/>
      <c r="X373" s="297"/>
      <c r="Y373" s="297"/>
      <c r="Z373" s="177" t="s">
        <v>105</v>
      </c>
      <c r="AA373" s="177"/>
      <c r="AB373" s="177"/>
      <c r="AC373" s="177"/>
      <c r="AD373" s="317" t="s">
        <v>178</v>
      </c>
      <c r="AE373" s="317"/>
      <c r="AF373" s="317"/>
      <c r="AG373" s="318"/>
    </row>
    <row r="374" spans="1:38" s="1" customFormat="1" ht="15.75" customHeight="1" x14ac:dyDescent="0.15">
      <c r="A374" s="294" t="s">
        <v>509</v>
      </c>
      <c r="B374" s="295"/>
      <c r="C374" s="295"/>
      <c r="D374" s="295"/>
      <c r="E374" s="295"/>
      <c r="F374" s="295"/>
      <c r="G374" s="295"/>
      <c r="H374" s="295"/>
      <c r="I374" s="296"/>
      <c r="J374" s="265">
        <v>5</v>
      </c>
      <c r="K374" s="265"/>
      <c r="L374" s="265"/>
      <c r="M374" s="265"/>
      <c r="N374" s="297">
        <v>10</v>
      </c>
      <c r="O374" s="297"/>
      <c r="P374" s="297"/>
      <c r="Q374" s="297"/>
      <c r="R374" s="176" t="s">
        <v>105</v>
      </c>
      <c r="S374" s="176"/>
      <c r="T374" s="176"/>
      <c r="U374" s="176"/>
      <c r="V374" s="122" t="s">
        <v>105</v>
      </c>
      <c r="W374" s="122"/>
      <c r="X374" s="122"/>
      <c r="Y374" s="122"/>
      <c r="Z374" s="177" t="s">
        <v>105</v>
      </c>
      <c r="AA374" s="177"/>
      <c r="AB374" s="177"/>
      <c r="AC374" s="177"/>
      <c r="AD374" s="178" t="s">
        <v>178</v>
      </c>
      <c r="AE374" s="178"/>
      <c r="AF374" s="178"/>
      <c r="AG374" s="179"/>
    </row>
    <row r="375" spans="1:38" s="1" customFormat="1" ht="22.5" customHeight="1" x14ac:dyDescent="0.15">
      <c r="A375" s="173" t="s">
        <v>596</v>
      </c>
      <c r="B375" s="174"/>
      <c r="C375" s="174"/>
      <c r="D375" s="174"/>
      <c r="E375" s="174"/>
      <c r="F375" s="174"/>
      <c r="G375" s="174"/>
      <c r="H375" s="174"/>
      <c r="I375" s="175"/>
      <c r="J375" s="176" t="s">
        <v>105</v>
      </c>
      <c r="K375" s="176"/>
      <c r="L375" s="176"/>
      <c r="M375" s="176"/>
      <c r="N375" s="122" t="s">
        <v>105</v>
      </c>
      <c r="O375" s="122"/>
      <c r="P375" s="122"/>
      <c r="Q375" s="122"/>
      <c r="R375" s="176" t="s">
        <v>105</v>
      </c>
      <c r="S375" s="176"/>
      <c r="T375" s="176"/>
      <c r="U375" s="176"/>
      <c r="V375" s="122" t="s">
        <v>105</v>
      </c>
      <c r="W375" s="122"/>
      <c r="X375" s="122"/>
      <c r="Y375" s="122"/>
      <c r="Z375" s="177" t="s">
        <v>105</v>
      </c>
      <c r="AA375" s="177"/>
      <c r="AB375" s="177"/>
      <c r="AC375" s="177"/>
      <c r="AD375" s="178" t="s">
        <v>178</v>
      </c>
      <c r="AE375" s="178"/>
      <c r="AF375" s="178"/>
      <c r="AG375" s="179"/>
    </row>
    <row r="376" spans="1:38" s="1" customFormat="1" ht="22.5" customHeight="1" x14ac:dyDescent="0.15">
      <c r="A376" s="173" t="s">
        <v>597</v>
      </c>
      <c r="B376" s="966"/>
      <c r="C376" s="966"/>
      <c r="D376" s="966"/>
      <c r="E376" s="966"/>
      <c r="F376" s="966"/>
      <c r="G376" s="966"/>
      <c r="H376" s="966"/>
      <c r="I376" s="967"/>
      <c r="J376" s="176" t="s">
        <v>105</v>
      </c>
      <c r="K376" s="176"/>
      <c r="L376" s="176"/>
      <c r="M376" s="176"/>
      <c r="N376" s="297" t="s">
        <v>105</v>
      </c>
      <c r="O376" s="297"/>
      <c r="P376" s="297"/>
      <c r="Q376" s="297"/>
      <c r="R376" s="265">
        <v>1</v>
      </c>
      <c r="S376" s="265"/>
      <c r="T376" s="265"/>
      <c r="U376" s="265"/>
      <c r="V376" s="122">
        <v>15</v>
      </c>
      <c r="W376" s="122"/>
      <c r="X376" s="122"/>
      <c r="Y376" s="122"/>
      <c r="Z376" s="177">
        <v>1</v>
      </c>
      <c r="AA376" s="177"/>
      <c r="AB376" s="177"/>
      <c r="AC376" s="177"/>
      <c r="AD376" s="178">
        <v>15</v>
      </c>
      <c r="AE376" s="178"/>
      <c r="AF376" s="178"/>
      <c r="AG376" s="179"/>
    </row>
    <row r="377" spans="1:38" s="1" customFormat="1" ht="22.5" customHeight="1" x14ac:dyDescent="0.15">
      <c r="A377" s="173" t="s">
        <v>598</v>
      </c>
      <c r="B377" s="966"/>
      <c r="C377" s="966"/>
      <c r="D377" s="966"/>
      <c r="E377" s="966"/>
      <c r="F377" s="966"/>
      <c r="G377" s="966"/>
      <c r="H377" s="966"/>
      <c r="I377" s="967"/>
      <c r="J377" s="264">
        <v>1</v>
      </c>
      <c r="K377" s="265"/>
      <c r="L377" s="265"/>
      <c r="M377" s="265"/>
      <c r="N377" s="297">
        <v>15</v>
      </c>
      <c r="O377" s="297"/>
      <c r="P377" s="297"/>
      <c r="Q377" s="297"/>
      <c r="R377" s="176" t="s">
        <v>105</v>
      </c>
      <c r="S377" s="176"/>
      <c r="T377" s="176"/>
      <c r="U377" s="176"/>
      <c r="V377" s="297" t="s">
        <v>105</v>
      </c>
      <c r="W377" s="297"/>
      <c r="X377" s="297"/>
      <c r="Y377" s="297"/>
      <c r="Z377" s="177" t="s">
        <v>105</v>
      </c>
      <c r="AA377" s="177"/>
      <c r="AB377" s="177"/>
      <c r="AC377" s="177"/>
      <c r="AD377" s="317" t="s">
        <v>178</v>
      </c>
      <c r="AE377" s="317"/>
      <c r="AF377" s="317"/>
      <c r="AG377" s="318"/>
    </row>
    <row r="378" spans="1:38" s="1" customFormat="1" ht="15.75" customHeight="1" x14ac:dyDescent="0.15">
      <c r="A378" s="384" t="s">
        <v>588</v>
      </c>
      <c r="B378" s="242"/>
      <c r="C378" s="242"/>
      <c r="D378" s="242"/>
      <c r="E378" s="242"/>
      <c r="F378" s="242"/>
      <c r="G378" s="242"/>
      <c r="H378" s="242"/>
      <c r="I378" s="243"/>
      <c r="J378" s="264">
        <v>2</v>
      </c>
      <c r="K378" s="265"/>
      <c r="L378" s="265"/>
      <c r="M378" s="265"/>
      <c r="N378" s="297">
        <v>12</v>
      </c>
      <c r="O378" s="297"/>
      <c r="P378" s="297"/>
      <c r="Q378" s="297"/>
      <c r="R378" s="176" t="s">
        <v>105</v>
      </c>
      <c r="S378" s="176"/>
      <c r="T378" s="176"/>
      <c r="U378" s="176"/>
      <c r="V378" s="122" t="s">
        <v>105</v>
      </c>
      <c r="W378" s="122"/>
      <c r="X378" s="122"/>
      <c r="Y378" s="122"/>
      <c r="Z378" s="177" t="s">
        <v>105</v>
      </c>
      <c r="AA378" s="177"/>
      <c r="AB378" s="177"/>
      <c r="AC378" s="177"/>
      <c r="AD378" s="178" t="s">
        <v>178</v>
      </c>
      <c r="AE378" s="178"/>
      <c r="AF378" s="178"/>
      <c r="AG378" s="179"/>
      <c r="AI378" s="116"/>
      <c r="AJ378" s="116"/>
      <c r="AK378" s="116"/>
      <c r="AL378" s="116"/>
    </row>
    <row r="379" spans="1:38" s="1" customFormat="1" ht="15.75" customHeight="1" x14ac:dyDescent="0.15">
      <c r="A379" s="384" t="s">
        <v>589</v>
      </c>
      <c r="B379" s="242"/>
      <c r="C379" s="242"/>
      <c r="D379" s="242"/>
      <c r="E379" s="242"/>
      <c r="F379" s="242"/>
      <c r="G379" s="242"/>
      <c r="H379" s="242"/>
      <c r="I379" s="243"/>
      <c r="J379" s="951" t="s">
        <v>105</v>
      </c>
      <c r="K379" s="176"/>
      <c r="L379" s="176"/>
      <c r="M379" s="176"/>
      <c r="N379" s="297" t="s">
        <v>105</v>
      </c>
      <c r="O379" s="297"/>
      <c r="P379" s="297"/>
      <c r="Q379" s="297"/>
      <c r="R379" s="157">
        <v>3</v>
      </c>
      <c r="S379" s="157"/>
      <c r="T379" s="157"/>
      <c r="U379" s="157"/>
      <c r="V379" s="122">
        <v>15</v>
      </c>
      <c r="W379" s="122"/>
      <c r="X379" s="122"/>
      <c r="Y379" s="122"/>
      <c r="Z379" s="177">
        <v>3</v>
      </c>
      <c r="AA379" s="177"/>
      <c r="AB379" s="177"/>
      <c r="AC379" s="177"/>
      <c r="AD379" s="178">
        <v>8</v>
      </c>
      <c r="AE379" s="178"/>
      <c r="AF379" s="178"/>
      <c r="AG379" s="179"/>
    </row>
    <row r="380" spans="1:38" s="1" customFormat="1" ht="15.75" customHeight="1" x14ac:dyDescent="0.15">
      <c r="A380" s="384" t="s">
        <v>496</v>
      </c>
      <c r="B380" s="242"/>
      <c r="C380" s="242"/>
      <c r="D380" s="242"/>
      <c r="E380" s="242"/>
      <c r="F380" s="242"/>
      <c r="G380" s="242"/>
      <c r="H380" s="242"/>
      <c r="I380" s="243"/>
      <c r="J380" s="951" t="s">
        <v>105</v>
      </c>
      <c r="K380" s="176"/>
      <c r="L380" s="176"/>
      <c r="M380" s="176"/>
      <c r="N380" s="297" t="s">
        <v>105</v>
      </c>
      <c r="O380" s="297"/>
      <c r="P380" s="297"/>
      <c r="Q380" s="297"/>
      <c r="R380" s="155" t="s">
        <v>105</v>
      </c>
      <c r="S380" s="155"/>
      <c r="T380" s="155"/>
      <c r="U380" s="155"/>
      <c r="V380" s="122" t="s">
        <v>105</v>
      </c>
      <c r="W380" s="122"/>
      <c r="X380" s="122"/>
      <c r="Y380" s="122"/>
      <c r="Z380" s="177" t="s">
        <v>105</v>
      </c>
      <c r="AA380" s="177"/>
      <c r="AB380" s="177"/>
      <c r="AC380" s="177"/>
      <c r="AD380" s="178" t="s">
        <v>178</v>
      </c>
      <c r="AE380" s="178"/>
      <c r="AF380" s="178"/>
      <c r="AG380" s="179"/>
    </row>
    <row r="381" spans="1:38" s="1" customFormat="1" ht="15.75" customHeight="1" x14ac:dyDescent="0.15">
      <c r="A381" s="976" t="s">
        <v>493</v>
      </c>
      <c r="B381" s="977"/>
      <c r="C381" s="977"/>
      <c r="D381" s="977"/>
      <c r="E381" s="977"/>
      <c r="F381" s="977"/>
      <c r="G381" s="977"/>
      <c r="H381" s="977"/>
      <c r="I381" s="978"/>
      <c r="J381" s="951" t="s">
        <v>105</v>
      </c>
      <c r="K381" s="176"/>
      <c r="L381" s="176"/>
      <c r="M381" s="176"/>
      <c r="N381" s="297" t="s">
        <v>105</v>
      </c>
      <c r="O381" s="297"/>
      <c r="P381" s="297"/>
      <c r="Q381" s="297"/>
      <c r="R381" s="155" t="s">
        <v>105</v>
      </c>
      <c r="S381" s="155"/>
      <c r="T381" s="155"/>
      <c r="U381" s="155"/>
      <c r="V381" s="122" t="s">
        <v>105</v>
      </c>
      <c r="W381" s="122"/>
      <c r="X381" s="122"/>
      <c r="Y381" s="122"/>
      <c r="Z381" s="177" t="s">
        <v>105</v>
      </c>
      <c r="AA381" s="177"/>
      <c r="AB381" s="177"/>
      <c r="AC381" s="177"/>
      <c r="AD381" s="178" t="s">
        <v>178</v>
      </c>
      <c r="AE381" s="178"/>
      <c r="AF381" s="178"/>
      <c r="AG381" s="179"/>
    </row>
    <row r="382" spans="1:38" s="1" customFormat="1" ht="15.75" customHeight="1" x14ac:dyDescent="0.15">
      <c r="A382" s="976" t="s">
        <v>497</v>
      </c>
      <c r="B382" s="977"/>
      <c r="C382" s="977"/>
      <c r="D382" s="977"/>
      <c r="E382" s="977"/>
      <c r="F382" s="977"/>
      <c r="G382" s="977"/>
      <c r="H382" s="977"/>
      <c r="I382" s="978"/>
      <c r="J382" s="264">
        <v>2</v>
      </c>
      <c r="K382" s="265"/>
      <c r="L382" s="265"/>
      <c r="M382" s="265"/>
      <c r="N382" s="122">
        <v>10</v>
      </c>
      <c r="O382" s="122"/>
      <c r="P382" s="122"/>
      <c r="Q382" s="122"/>
      <c r="R382" s="265">
        <v>2</v>
      </c>
      <c r="S382" s="265"/>
      <c r="T382" s="265"/>
      <c r="U382" s="265"/>
      <c r="V382" s="122">
        <v>15</v>
      </c>
      <c r="W382" s="122"/>
      <c r="X382" s="122"/>
      <c r="Y382" s="122"/>
      <c r="Z382" s="177" t="s">
        <v>105</v>
      </c>
      <c r="AA382" s="177"/>
      <c r="AB382" s="177"/>
      <c r="AC382" s="177"/>
      <c r="AD382" s="178" t="s">
        <v>178</v>
      </c>
      <c r="AE382" s="178"/>
      <c r="AF382" s="178"/>
      <c r="AG382" s="179"/>
    </row>
    <row r="383" spans="1:38" s="1" customFormat="1" ht="22.5" customHeight="1" x14ac:dyDescent="0.15">
      <c r="A383" s="976" t="s">
        <v>643</v>
      </c>
      <c r="B383" s="977"/>
      <c r="C383" s="977"/>
      <c r="D383" s="977"/>
      <c r="E383" s="977"/>
      <c r="F383" s="977"/>
      <c r="G383" s="977"/>
      <c r="H383" s="977"/>
      <c r="I383" s="978"/>
      <c r="J383" s="951" t="s">
        <v>105</v>
      </c>
      <c r="K383" s="176"/>
      <c r="L383" s="176"/>
      <c r="M383" s="176"/>
      <c r="N383" s="122" t="s">
        <v>105</v>
      </c>
      <c r="O383" s="122"/>
      <c r="P383" s="122"/>
      <c r="Q383" s="122"/>
      <c r="R383" s="176" t="s">
        <v>105</v>
      </c>
      <c r="S383" s="176"/>
      <c r="T383" s="176"/>
      <c r="U383" s="176"/>
      <c r="V383" s="122" t="s">
        <v>178</v>
      </c>
      <c r="W383" s="122"/>
      <c r="X383" s="122"/>
      <c r="Y383" s="122"/>
      <c r="Z383" s="177">
        <v>3</v>
      </c>
      <c r="AA383" s="177"/>
      <c r="AB383" s="177"/>
      <c r="AC383" s="177"/>
      <c r="AD383" s="178">
        <v>10</v>
      </c>
      <c r="AE383" s="178">
        <v>-10</v>
      </c>
      <c r="AF383" s="178"/>
      <c r="AG383" s="179"/>
    </row>
    <row r="384" spans="1:38" s="1" customFormat="1" ht="15.75" customHeight="1" x14ac:dyDescent="0.15">
      <c r="A384" s="976" t="s">
        <v>640</v>
      </c>
      <c r="B384" s="977"/>
      <c r="C384" s="977"/>
      <c r="D384" s="977"/>
      <c r="E384" s="977"/>
      <c r="F384" s="977"/>
      <c r="G384" s="977"/>
      <c r="H384" s="977"/>
      <c r="I384" s="978"/>
      <c r="J384" s="951" t="s">
        <v>105</v>
      </c>
      <c r="K384" s="176"/>
      <c r="L384" s="176"/>
      <c r="M384" s="176"/>
      <c r="N384" s="122" t="s">
        <v>105</v>
      </c>
      <c r="O384" s="122"/>
      <c r="P384" s="122"/>
      <c r="Q384" s="122"/>
      <c r="R384" s="176" t="s">
        <v>105</v>
      </c>
      <c r="S384" s="176"/>
      <c r="T384" s="176"/>
      <c r="U384" s="176"/>
      <c r="V384" s="122" t="s">
        <v>178</v>
      </c>
      <c r="W384" s="122"/>
      <c r="X384" s="122"/>
      <c r="Y384" s="122"/>
      <c r="Z384" s="177">
        <v>5</v>
      </c>
      <c r="AA384" s="177"/>
      <c r="AB384" s="177"/>
      <c r="AC384" s="177"/>
      <c r="AD384" s="178">
        <v>10</v>
      </c>
      <c r="AE384" s="178">
        <v>-10</v>
      </c>
      <c r="AF384" s="178"/>
      <c r="AG384" s="179"/>
    </row>
    <row r="385" spans="1:33" s="1" customFormat="1" ht="22.5" customHeight="1" x14ac:dyDescent="0.15">
      <c r="A385" s="976" t="s">
        <v>642</v>
      </c>
      <c r="B385" s="977"/>
      <c r="C385" s="977"/>
      <c r="D385" s="977"/>
      <c r="E385" s="977"/>
      <c r="F385" s="977"/>
      <c r="G385" s="977"/>
      <c r="H385" s="977"/>
      <c r="I385" s="978"/>
      <c r="J385" s="951" t="s">
        <v>105</v>
      </c>
      <c r="K385" s="176"/>
      <c r="L385" s="176"/>
      <c r="M385" s="176"/>
      <c r="N385" s="122" t="s">
        <v>105</v>
      </c>
      <c r="O385" s="122"/>
      <c r="P385" s="122"/>
      <c r="Q385" s="122"/>
      <c r="R385" s="176" t="s">
        <v>105</v>
      </c>
      <c r="S385" s="176"/>
      <c r="T385" s="176"/>
      <c r="U385" s="176"/>
      <c r="V385" s="122" t="s">
        <v>178</v>
      </c>
      <c r="W385" s="122"/>
      <c r="X385" s="122"/>
      <c r="Y385" s="122"/>
      <c r="Z385" s="177">
        <v>5</v>
      </c>
      <c r="AA385" s="177"/>
      <c r="AB385" s="177"/>
      <c r="AC385" s="177"/>
      <c r="AD385" s="178">
        <v>15</v>
      </c>
      <c r="AE385" s="178">
        <v>-15</v>
      </c>
      <c r="AF385" s="178"/>
      <c r="AG385" s="179"/>
    </row>
    <row r="386" spans="1:33" s="8" customFormat="1" ht="15.75" customHeight="1" x14ac:dyDescent="0.15">
      <c r="A386" s="837" t="s">
        <v>641</v>
      </c>
      <c r="B386" s="838"/>
      <c r="C386" s="838"/>
      <c r="D386" s="838"/>
      <c r="E386" s="838"/>
      <c r="F386" s="838"/>
      <c r="G386" s="838"/>
      <c r="H386" s="838"/>
      <c r="I386" s="839"/>
      <c r="J386" s="979" t="s">
        <v>105</v>
      </c>
      <c r="K386" s="133"/>
      <c r="L386" s="133"/>
      <c r="M386" s="133"/>
      <c r="N386" s="262" t="s">
        <v>105</v>
      </c>
      <c r="O386" s="262"/>
      <c r="P386" s="262"/>
      <c r="Q386" s="262"/>
      <c r="R386" s="133" t="s">
        <v>105</v>
      </c>
      <c r="S386" s="133"/>
      <c r="T386" s="133"/>
      <c r="U386" s="133"/>
      <c r="V386" s="262" t="s">
        <v>178</v>
      </c>
      <c r="W386" s="262"/>
      <c r="X386" s="262"/>
      <c r="Y386" s="262"/>
      <c r="Z386" s="877">
        <v>6</v>
      </c>
      <c r="AA386" s="877"/>
      <c r="AB386" s="877"/>
      <c r="AC386" s="877"/>
      <c r="AD386" s="268">
        <v>8</v>
      </c>
      <c r="AE386" s="268">
        <v>-8</v>
      </c>
      <c r="AF386" s="268"/>
      <c r="AG386" s="269"/>
    </row>
    <row r="387" spans="1:33" s="1" customFormat="1" ht="15.75" customHeight="1" x14ac:dyDescent="0.15">
      <c r="A387" s="8" t="s">
        <v>498</v>
      </c>
      <c r="B387" s="74"/>
      <c r="C387" s="74"/>
      <c r="D387" s="74"/>
      <c r="E387" s="74"/>
      <c r="F387" s="74"/>
      <c r="G387" s="74"/>
      <c r="H387" s="74"/>
      <c r="I387" s="74"/>
      <c r="J387" s="121"/>
      <c r="K387" s="121"/>
      <c r="L387" s="121"/>
      <c r="M387" s="121"/>
      <c r="N387" s="122"/>
      <c r="O387" s="122"/>
      <c r="P387" s="122"/>
      <c r="Q387" s="122"/>
      <c r="R387" s="121"/>
      <c r="S387" s="121"/>
      <c r="T387" s="121"/>
      <c r="U387" s="121"/>
      <c r="V387" s="122"/>
      <c r="W387" s="122"/>
      <c r="X387" s="122"/>
      <c r="Y387" s="122"/>
      <c r="Z387" s="77"/>
      <c r="AA387" s="76"/>
      <c r="AB387" s="76"/>
      <c r="AC387" s="76"/>
      <c r="AD387" s="75"/>
      <c r="AE387" s="75"/>
      <c r="AF387" s="75"/>
      <c r="AG387" s="67" t="s">
        <v>505</v>
      </c>
    </row>
    <row r="388" spans="1:33" s="1" customFormat="1" ht="15.75" customHeight="1" x14ac:dyDescent="0.15">
      <c r="A388" s="966"/>
      <c r="B388" s="966"/>
      <c r="C388" s="966"/>
      <c r="D388" s="966"/>
      <c r="E388" s="966"/>
      <c r="F388" s="966"/>
      <c r="G388" s="966"/>
      <c r="H388" s="966"/>
      <c r="I388" s="966"/>
      <c r="J388" s="121"/>
      <c r="K388" s="121"/>
      <c r="L388" s="121"/>
      <c r="M388" s="121"/>
      <c r="N388" s="297"/>
      <c r="O388" s="297"/>
      <c r="P388" s="297"/>
      <c r="Q388" s="297"/>
      <c r="R388" s="121"/>
      <c r="S388" s="121"/>
      <c r="T388" s="121"/>
      <c r="U388" s="121"/>
    </row>
    <row r="389" spans="1:33" s="1" customFormat="1" ht="15.95" customHeight="1" x14ac:dyDescent="0.15">
      <c r="A389" s="8"/>
      <c r="B389" s="2"/>
      <c r="C389" s="2"/>
      <c r="D389" s="2"/>
      <c r="E389" s="2"/>
      <c r="F389" s="2"/>
      <c r="G389" s="2"/>
      <c r="H389" s="2"/>
      <c r="I389" s="2"/>
      <c r="J389" s="2"/>
      <c r="K389" s="2"/>
      <c r="L389" s="2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67"/>
      <c r="AA389" s="67"/>
      <c r="AB389" s="67"/>
      <c r="AC389" s="67"/>
      <c r="AD389" s="67"/>
      <c r="AE389" s="67"/>
      <c r="AF389" s="67"/>
      <c r="AG389" s="67"/>
    </row>
    <row r="390" spans="1:33" s="1" customFormat="1" ht="13.5" customHeight="1" x14ac:dyDescent="0.15">
      <c r="A390" s="50"/>
      <c r="B390" s="50"/>
      <c r="C390" s="50"/>
      <c r="D390" s="50"/>
      <c r="E390" s="50"/>
      <c r="F390" s="50"/>
      <c r="G390" s="50"/>
      <c r="H390" s="50"/>
      <c r="I390" s="50"/>
      <c r="J390" s="25"/>
      <c r="K390" s="25"/>
      <c r="L390" s="25"/>
      <c r="M390" s="25"/>
      <c r="N390" s="31"/>
      <c r="O390" s="31"/>
      <c r="P390" s="31"/>
      <c r="Q390" s="31"/>
      <c r="R390" s="50"/>
      <c r="S390" s="50"/>
      <c r="T390" s="50"/>
      <c r="U390" s="50"/>
      <c r="V390" s="50"/>
      <c r="W390" s="50"/>
      <c r="X390" s="50"/>
      <c r="Y390" s="50"/>
      <c r="Z390" s="71"/>
      <c r="AA390" s="71"/>
      <c r="AB390" s="71"/>
      <c r="AC390" s="71"/>
      <c r="AD390" s="71"/>
      <c r="AE390" s="71"/>
      <c r="AF390" s="71"/>
      <c r="AG390" s="71"/>
    </row>
    <row r="391" spans="1:33" s="1" customFormat="1" ht="15.95" customHeight="1" x14ac:dyDescent="0.15">
      <c r="A391" s="4" t="s">
        <v>263</v>
      </c>
      <c r="B391" s="4"/>
      <c r="C391" s="4"/>
      <c r="D391" s="4"/>
      <c r="E391" s="4"/>
      <c r="F391" s="4"/>
      <c r="Y391" s="15"/>
      <c r="Z391" s="69"/>
      <c r="AA391" s="69"/>
      <c r="AB391" s="69"/>
      <c r="AC391" s="69"/>
      <c r="AD391" s="69"/>
      <c r="AE391" s="69"/>
      <c r="AF391" s="69"/>
      <c r="AG391" s="72"/>
    </row>
    <row r="392" spans="1:33" s="1" customFormat="1" ht="36.75" customHeight="1" x14ac:dyDescent="0.15">
      <c r="A392" s="588" t="s">
        <v>29</v>
      </c>
      <c r="B392" s="589"/>
      <c r="C392" s="589"/>
      <c r="D392" s="589"/>
      <c r="E392" s="589"/>
      <c r="F392" s="589"/>
      <c r="G392" s="589"/>
      <c r="H392" s="589"/>
      <c r="I392" s="590"/>
      <c r="J392" s="210">
        <v>4</v>
      </c>
      <c r="K392" s="211"/>
      <c r="L392" s="211"/>
      <c r="M392" s="211"/>
      <c r="N392" s="211"/>
      <c r="O392" s="211"/>
      <c r="P392" s="211"/>
      <c r="Q392" s="212"/>
      <c r="R392" s="210">
        <v>5</v>
      </c>
      <c r="S392" s="211"/>
      <c r="T392" s="211"/>
      <c r="U392" s="211"/>
      <c r="V392" s="211"/>
      <c r="W392" s="211"/>
      <c r="X392" s="211"/>
      <c r="Y392" s="212"/>
      <c r="Z392" s="134">
        <v>6</v>
      </c>
      <c r="AA392" s="134"/>
      <c r="AB392" s="134"/>
      <c r="AC392" s="134"/>
      <c r="AD392" s="134"/>
      <c r="AE392" s="134"/>
      <c r="AF392" s="134"/>
      <c r="AG392" s="135"/>
    </row>
    <row r="393" spans="1:33" s="1" customFormat="1" ht="13.5" customHeight="1" x14ac:dyDescent="0.15">
      <c r="A393" s="544" t="s">
        <v>92</v>
      </c>
      <c r="B393" s="545"/>
      <c r="C393" s="545"/>
      <c r="D393" s="545"/>
      <c r="E393" s="545"/>
      <c r="F393" s="545"/>
      <c r="G393" s="545"/>
      <c r="H393" s="545"/>
      <c r="I393" s="546"/>
      <c r="J393" s="213"/>
      <c r="K393" s="214"/>
      <c r="L393" s="214"/>
      <c r="M393" s="214"/>
      <c r="N393" s="214"/>
      <c r="O393" s="214"/>
      <c r="P393" s="214"/>
      <c r="Q393" s="215"/>
      <c r="R393" s="213"/>
      <c r="S393" s="214"/>
      <c r="T393" s="214"/>
      <c r="U393" s="214"/>
      <c r="V393" s="214"/>
      <c r="W393" s="214"/>
      <c r="X393" s="214"/>
      <c r="Y393" s="215"/>
      <c r="Z393" s="136"/>
      <c r="AA393" s="136"/>
      <c r="AB393" s="136"/>
      <c r="AC393" s="136"/>
      <c r="AD393" s="136"/>
      <c r="AE393" s="136"/>
      <c r="AF393" s="136"/>
      <c r="AG393" s="137"/>
    </row>
    <row r="394" spans="1:33" s="1" customFormat="1" ht="15.95" customHeight="1" x14ac:dyDescent="0.15">
      <c r="A394" s="819" t="s">
        <v>408</v>
      </c>
      <c r="B394" s="820"/>
      <c r="C394" s="820"/>
      <c r="D394" s="820"/>
      <c r="E394" s="820"/>
      <c r="F394" s="820"/>
      <c r="G394" s="820"/>
      <c r="H394" s="820"/>
      <c r="I394" s="821"/>
      <c r="J394" s="672">
        <v>9</v>
      </c>
      <c r="K394" s="672"/>
      <c r="L394" s="672"/>
      <c r="M394" s="672"/>
      <c r="N394" s="608">
        <v>16</v>
      </c>
      <c r="O394" s="608"/>
      <c r="P394" s="608"/>
      <c r="Q394" s="608"/>
      <c r="R394" s="672">
        <v>9</v>
      </c>
      <c r="S394" s="672"/>
      <c r="T394" s="672"/>
      <c r="U394" s="672"/>
      <c r="V394" s="608">
        <v>16</v>
      </c>
      <c r="W394" s="608"/>
      <c r="X394" s="608"/>
      <c r="Y394" s="608"/>
      <c r="Z394" s="878">
        <v>9</v>
      </c>
      <c r="AA394" s="878"/>
      <c r="AB394" s="878"/>
      <c r="AC394" s="878"/>
      <c r="AD394" s="879">
        <v>16</v>
      </c>
      <c r="AE394" s="879"/>
      <c r="AF394" s="879"/>
      <c r="AG394" s="880"/>
    </row>
    <row r="395" spans="1:33" s="1" customFormat="1" ht="15.95" customHeight="1" x14ac:dyDescent="0.15">
      <c r="A395" s="804" t="s">
        <v>490</v>
      </c>
      <c r="B395" s="805"/>
      <c r="C395" s="805"/>
      <c r="D395" s="805"/>
      <c r="E395" s="805"/>
      <c r="F395" s="805"/>
      <c r="G395" s="805"/>
      <c r="H395" s="805"/>
      <c r="I395" s="806"/>
      <c r="J395" s="120">
        <v>8</v>
      </c>
      <c r="K395" s="121"/>
      <c r="L395" s="121"/>
      <c r="M395" s="121"/>
      <c r="N395" s="122">
        <v>16</v>
      </c>
      <c r="O395" s="122"/>
      <c r="P395" s="122"/>
      <c r="Q395" s="122"/>
      <c r="R395" s="121">
        <v>8</v>
      </c>
      <c r="S395" s="121"/>
      <c r="T395" s="121"/>
      <c r="U395" s="121"/>
      <c r="V395" s="122">
        <v>16</v>
      </c>
      <c r="W395" s="122"/>
      <c r="X395" s="122"/>
      <c r="Y395" s="122"/>
      <c r="Z395" s="138">
        <v>3</v>
      </c>
      <c r="AA395" s="138"/>
      <c r="AB395" s="138"/>
      <c r="AC395" s="138"/>
      <c r="AD395" s="128">
        <v>16</v>
      </c>
      <c r="AE395" s="128"/>
      <c r="AF395" s="128"/>
      <c r="AG395" s="129"/>
    </row>
    <row r="396" spans="1:33" s="1" customFormat="1" ht="15.95" customHeight="1" x14ac:dyDescent="0.15">
      <c r="A396" s="812" t="s">
        <v>487</v>
      </c>
      <c r="B396" s="813"/>
      <c r="C396" s="813"/>
      <c r="D396" s="813"/>
      <c r="E396" s="813"/>
      <c r="F396" s="813"/>
      <c r="G396" s="813"/>
      <c r="H396" s="813"/>
      <c r="I396" s="814"/>
      <c r="J396" s="121">
        <v>6</v>
      </c>
      <c r="K396" s="121"/>
      <c r="L396" s="121"/>
      <c r="M396" s="121"/>
      <c r="N396" s="122">
        <v>16</v>
      </c>
      <c r="O396" s="122"/>
      <c r="P396" s="122"/>
      <c r="Q396" s="122"/>
      <c r="R396" s="121">
        <v>4</v>
      </c>
      <c r="S396" s="121"/>
      <c r="T396" s="121"/>
      <c r="U396" s="121"/>
      <c r="V396" s="122">
        <v>16</v>
      </c>
      <c r="W396" s="122"/>
      <c r="X396" s="122"/>
      <c r="Y396" s="122"/>
      <c r="Z396" s="138" t="s">
        <v>105</v>
      </c>
      <c r="AA396" s="138"/>
      <c r="AB396" s="138"/>
      <c r="AC396" s="138"/>
      <c r="AD396" s="128" t="s">
        <v>105</v>
      </c>
      <c r="AE396" s="128"/>
      <c r="AF396" s="128"/>
      <c r="AG396" s="129"/>
    </row>
    <row r="397" spans="1:33" s="1" customFormat="1" ht="15.95" customHeight="1" x14ac:dyDescent="0.15">
      <c r="A397" s="812" t="s">
        <v>409</v>
      </c>
      <c r="B397" s="813"/>
      <c r="C397" s="813"/>
      <c r="D397" s="813"/>
      <c r="E397" s="813"/>
      <c r="F397" s="813"/>
      <c r="G397" s="813"/>
      <c r="H397" s="813"/>
      <c r="I397" s="814"/>
      <c r="J397" s="120">
        <v>2</v>
      </c>
      <c r="K397" s="121"/>
      <c r="L397" s="121"/>
      <c r="M397" s="121"/>
      <c r="N397" s="122">
        <v>10</v>
      </c>
      <c r="O397" s="122"/>
      <c r="P397" s="122"/>
      <c r="Q397" s="122"/>
      <c r="R397" s="121">
        <v>4</v>
      </c>
      <c r="S397" s="121"/>
      <c r="T397" s="121"/>
      <c r="U397" s="121"/>
      <c r="V397" s="122">
        <v>10</v>
      </c>
      <c r="W397" s="122"/>
      <c r="X397" s="122"/>
      <c r="Y397" s="122"/>
      <c r="Z397" s="138">
        <v>4</v>
      </c>
      <c r="AA397" s="138"/>
      <c r="AB397" s="138"/>
      <c r="AC397" s="138"/>
      <c r="AD397" s="128">
        <v>10</v>
      </c>
      <c r="AE397" s="128"/>
      <c r="AF397" s="128"/>
      <c r="AG397" s="129"/>
    </row>
    <row r="398" spans="1:33" s="56" customFormat="1" ht="15.95" customHeight="1" x14ac:dyDescent="0.15">
      <c r="A398" s="798" t="s">
        <v>410</v>
      </c>
      <c r="B398" s="799"/>
      <c r="C398" s="799"/>
      <c r="D398" s="799"/>
      <c r="E398" s="799"/>
      <c r="F398" s="799"/>
      <c r="G398" s="799"/>
      <c r="H398" s="799"/>
      <c r="I398" s="800"/>
      <c r="J398" s="120" t="s">
        <v>105</v>
      </c>
      <c r="K398" s="121"/>
      <c r="L398" s="121"/>
      <c r="M398" s="121"/>
      <c r="N398" s="122" t="s">
        <v>105</v>
      </c>
      <c r="O398" s="122"/>
      <c r="P398" s="122"/>
      <c r="Q398" s="122"/>
      <c r="R398" s="121">
        <v>2</v>
      </c>
      <c r="S398" s="121"/>
      <c r="T398" s="121"/>
      <c r="U398" s="121"/>
      <c r="V398" s="122">
        <v>20</v>
      </c>
      <c r="W398" s="122"/>
      <c r="X398" s="122"/>
      <c r="Y398" s="122"/>
      <c r="Z398" s="138" t="s">
        <v>105</v>
      </c>
      <c r="AA398" s="138"/>
      <c r="AB398" s="138"/>
      <c r="AC398" s="138"/>
      <c r="AD398" s="128" t="s">
        <v>105</v>
      </c>
      <c r="AE398" s="128"/>
      <c r="AF398" s="128"/>
      <c r="AG398" s="129"/>
    </row>
    <row r="399" spans="1:33" s="48" customFormat="1" ht="15.95" customHeight="1" x14ac:dyDescent="0.15">
      <c r="A399" s="812" t="s">
        <v>411</v>
      </c>
      <c r="B399" s="813"/>
      <c r="C399" s="813"/>
      <c r="D399" s="813"/>
      <c r="E399" s="813"/>
      <c r="F399" s="813"/>
      <c r="G399" s="813"/>
      <c r="H399" s="813"/>
      <c r="I399" s="814"/>
      <c r="J399" s="120">
        <v>10</v>
      </c>
      <c r="K399" s="121"/>
      <c r="L399" s="121"/>
      <c r="M399" s="121"/>
      <c r="N399" s="122">
        <v>12</v>
      </c>
      <c r="O399" s="122"/>
      <c r="P399" s="122"/>
      <c r="Q399" s="122"/>
      <c r="R399" s="121">
        <v>10</v>
      </c>
      <c r="S399" s="121"/>
      <c r="T399" s="121"/>
      <c r="U399" s="121"/>
      <c r="V399" s="122">
        <v>12</v>
      </c>
      <c r="W399" s="122"/>
      <c r="X399" s="122"/>
      <c r="Y399" s="122"/>
      <c r="Z399" s="138">
        <v>10</v>
      </c>
      <c r="AA399" s="138"/>
      <c r="AB399" s="138"/>
      <c r="AC399" s="138"/>
      <c r="AD399" s="128">
        <v>10</v>
      </c>
      <c r="AE399" s="128"/>
      <c r="AF399" s="128"/>
      <c r="AG399" s="129"/>
    </row>
    <row r="400" spans="1:33" s="48" customFormat="1" ht="15.95" customHeight="1" x14ac:dyDescent="0.15">
      <c r="A400" s="798" t="s">
        <v>412</v>
      </c>
      <c r="B400" s="799"/>
      <c r="C400" s="799"/>
      <c r="D400" s="799"/>
      <c r="E400" s="799"/>
      <c r="F400" s="799"/>
      <c r="G400" s="799"/>
      <c r="H400" s="799"/>
      <c r="I400" s="800"/>
      <c r="J400" s="120" t="s">
        <v>105</v>
      </c>
      <c r="K400" s="121"/>
      <c r="L400" s="121"/>
      <c r="M400" s="121"/>
      <c r="N400" s="122" t="s">
        <v>105</v>
      </c>
      <c r="O400" s="122"/>
      <c r="P400" s="122"/>
      <c r="Q400" s="122"/>
      <c r="R400" s="121">
        <v>1</v>
      </c>
      <c r="S400" s="121"/>
      <c r="T400" s="121"/>
      <c r="U400" s="121"/>
      <c r="V400" s="122">
        <v>20</v>
      </c>
      <c r="W400" s="122"/>
      <c r="X400" s="122"/>
      <c r="Y400" s="122"/>
      <c r="Z400" s="138" t="s">
        <v>105</v>
      </c>
      <c r="AA400" s="138"/>
      <c r="AB400" s="138"/>
      <c r="AC400" s="138"/>
      <c r="AD400" s="128" t="s">
        <v>105</v>
      </c>
      <c r="AE400" s="128"/>
      <c r="AF400" s="128"/>
      <c r="AG400" s="129"/>
    </row>
    <row r="401" spans="1:33" s="48" customFormat="1" ht="15.95" customHeight="1" x14ac:dyDescent="0.15">
      <c r="A401" s="798" t="s">
        <v>413</v>
      </c>
      <c r="B401" s="799"/>
      <c r="C401" s="799"/>
      <c r="D401" s="799"/>
      <c r="E401" s="799"/>
      <c r="F401" s="799"/>
      <c r="G401" s="799"/>
      <c r="H401" s="799"/>
      <c r="I401" s="800"/>
      <c r="J401" s="120">
        <v>4</v>
      </c>
      <c r="K401" s="121"/>
      <c r="L401" s="121"/>
      <c r="M401" s="121"/>
      <c r="N401" s="122">
        <v>8</v>
      </c>
      <c r="O401" s="122"/>
      <c r="P401" s="122"/>
      <c r="Q401" s="122"/>
      <c r="R401" s="121">
        <v>5</v>
      </c>
      <c r="S401" s="121"/>
      <c r="T401" s="121"/>
      <c r="U401" s="121"/>
      <c r="V401" s="122">
        <v>10</v>
      </c>
      <c r="W401" s="122"/>
      <c r="X401" s="122"/>
      <c r="Y401" s="122"/>
      <c r="Z401" s="138">
        <v>2</v>
      </c>
      <c r="AA401" s="138"/>
      <c r="AB401" s="138"/>
      <c r="AC401" s="138"/>
      <c r="AD401" s="128">
        <v>8</v>
      </c>
      <c r="AE401" s="128"/>
      <c r="AF401" s="128"/>
      <c r="AG401" s="129"/>
    </row>
    <row r="402" spans="1:33" s="48" customFormat="1" ht="15.95" customHeight="1" x14ac:dyDescent="0.15">
      <c r="A402" s="798" t="s">
        <v>488</v>
      </c>
      <c r="B402" s="799"/>
      <c r="C402" s="799"/>
      <c r="D402" s="799"/>
      <c r="E402" s="799"/>
      <c r="F402" s="799"/>
      <c r="G402" s="799"/>
      <c r="H402" s="799"/>
      <c r="I402" s="800"/>
      <c r="J402" s="120">
        <v>5</v>
      </c>
      <c r="K402" s="121"/>
      <c r="L402" s="121"/>
      <c r="M402" s="121"/>
      <c r="N402" s="122">
        <v>4</v>
      </c>
      <c r="O402" s="122"/>
      <c r="P402" s="122"/>
      <c r="Q402" s="122"/>
      <c r="R402" s="121">
        <v>3</v>
      </c>
      <c r="S402" s="121"/>
      <c r="T402" s="121"/>
      <c r="U402" s="121"/>
      <c r="V402" s="122">
        <v>4</v>
      </c>
      <c r="W402" s="122"/>
      <c r="X402" s="122"/>
      <c r="Y402" s="122"/>
      <c r="Z402" s="138">
        <v>4</v>
      </c>
      <c r="AA402" s="138"/>
      <c r="AB402" s="138"/>
      <c r="AC402" s="138"/>
      <c r="AD402" s="128">
        <v>4</v>
      </c>
      <c r="AE402" s="128"/>
      <c r="AF402" s="128"/>
      <c r="AG402" s="129"/>
    </row>
    <row r="403" spans="1:33" s="48" customFormat="1" ht="15.95" customHeight="1" x14ac:dyDescent="0.15">
      <c r="A403" s="798" t="s">
        <v>489</v>
      </c>
      <c r="B403" s="799"/>
      <c r="C403" s="799"/>
      <c r="D403" s="799"/>
      <c r="E403" s="799"/>
      <c r="F403" s="799"/>
      <c r="G403" s="799"/>
      <c r="H403" s="799"/>
      <c r="I403" s="800"/>
      <c r="J403" s="120" t="s">
        <v>105</v>
      </c>
      <c r="K403" s="121"/>
      <c r="L403" s="121"/>
      <c r="M403" s="121"/>
      <c r="N403" s="122" t="s">
        <v>105</v>
      </c>
      <c r="O403" s="122"/>
      <c r="P403" s="122"/>
      <c r="Q403" s="122"/>
      <c r="R403" s="121" t="s">
        <v>105</v>
      </c>
      <c r="S403" s="121"/>
      <c r="T403" s="121"/>
      <c r="U403" s="121"/>
      <c r="V403" s="122" t="s">
        <v>105</v>
      </c>
      <c r="W403" s="122"/>
      <c r="X403" s="122"/>
      <c r="Y403" s="122"/>
      <c r="Z403" s="138" t="s">
        <v>105</v>
      </c>
      <c r="AA403" s="138"/>
      <c r="AB403" s="138"/>
      <c r="AC403" s="138"/>
      <c r="AD403" s="128" t="s">
        <v>105</v>
      </c>
      <c r="AE403" s="128"/>
      <c r="AF403" s="128"/>
      <c r="AG403" s="129"/>
    </row>
    <row r="404" spans="1:33" s="48" customFormat="1" ht="15.95" customHeight="1" x14ac:dyDescent="0.15">
      <c r="A404" s="798" t="s">
        <v>414</v>
      </c>
      <c r="B404" s="799"/>
      <c r="C404" s="799"/>
      <c r="D404" s="799"/>
      <c r="E404" s="799"/>
      <c r="F404" s="799"/>
      <c r="G404" s="799"/>
      <c r="H404" s="799"/>
      <c r="I404" s="800"/>
      <c r="J404" s="120">
        <v>4</v>
      </c>
      <c r="K404" s="121"/>
      <c r="L404" s="121"/>
      <c r="M404" s="121"/>
      <c r="N404" s="122">
        <v>16</v>
      </c>
      <c r="O404" s="122"/>
      <c r="P404" s="122"/>
      <c r="Q404" s="122"/>
      <c r="R404" s="121">
        <v>4</v>
      </c>
      <c r="S404" s="121"/>
      <c r="T404" s="121"/>
      <c r="U404" s="121"/>
      <c r="V404" s="122">
        <v>10</v>
      </c>
      <c r="W404" s="122"/>
      <c r="X404" s="122"/>
      <c r="Y404" s="122"/>
      <c r="Z404" s="138">
        <v>6</v>
      </c>
      <c r="AA404" s="138"/>
      <c r="AB404" s="138"/>
      <c r="AC404" s="138"/>
      <c r="AD404" s="128">
        <v>10</v>
      </c>
      <c r="AE404" s="128"/>
      <c r="AF404" s="128"/>
      <c r="AG404" s="129"/>
    </row>
    <row r="405" spans="1:33" s="48" customFormat="1" ht="15.95" customHeight="1" x14ac:dyDescent="0.15">
      <c r="A405" s="117" t="s">
        <v>415</v>
      </c>
      <c r="B405" s="118"/>
      <c r="C405" s="118"/>
      <c r="D405" s="118"/>
      <c r="E405" s="118"/>
      <c r="F405" s="118"/>
      <c r="G405" s="118"/>
      <c r="H405" s="118"/>
      <c r="I405" s="119"/>
      <c r="J405" s="120">
        <v>2</v>
      </c>
      <c r="K405" s="121"/>
      <c r="L405" s="121"/>
      <c r="M405" s="121"/>
      <c r="N405" s="122">
        <v>10</v>
      </c>
      <c r="O405" s="122"/>
      <c r="P405" s="122"/>
      <c r="Q405" s="122"/>
      <c r="R405" s="283">
        <v>2</v>
      </c>
      <c r="S405" s="283"/>
      <c r="T405" s="283"/>
      <c r="U405" s="283"/>
      <c r="V405" s="901">
        <v>10</v>
      </c>
      <c r="W405" s="901"/>
      <c r="X405" s="901"/>
      <c r="Y405" s="901"/>
      <c r="Z405" s="123">
        <v>2</v>
      </c>
      <c r="AA405" s="123"/>
      <c r="AB405" s="123"/>
      <c r="AC405" s="123"/>
      <c r="AD405" s="124">
        <v>10</v>
      </c>
      <c r="AE405" s="124"/>
      <c r="AF405" s="124"/>
      <c r="AG405" s="125"/>
    </row>
    <row r="406" spans="1:33" s="48" customFormat="1" ht="15.95" customHeight="1" x14ac:dyDescent="0.15">
      <c r="A406" s="117" t="s">
        <v>416</v>
      </c>
      <c r="B406" s="118"/>
      <c r="C406" s="118"/>
      <c r="D406" s="118"/>
      <c r="E406" s="118"/>
      <c r="F406" s="118"/>
      <c r="G406" s="118"/>
      <c r="H406" s="118"/>
      <c r="I406" s="119"/>
      <c r="J406" s="120" t="s">
        <v>105</v>
      </c>
      <c r="K406" s="121"/>
      <c r="L406" s="121"/>
      <c r="M406" s="121"/>
      <c r="N406" s="122" t="s">
        <v>105</v>
      </c>
      <c r="O406" s="122"/>
      <c r="P406" s="122"/>
      <c r="Q406" s="122"/>
      <c r="R406" s="121" t="s">
        <v>105</v>
      </c>
      <c r="S406" s="121"/>
      <c r="T406" s="121"/>
      <c r="U406" s="121"/>
      <c r="V406" s="122" t="s">
        <v>105</v>
      </c>
      <c r="W406" s="122"/>
      <c r="X406" s="122"/>
      <c r="Y406" s="122"/>
      <c r="Z406" s="123" t="s">
        <v>105</v>
      </c>
      <c r="AA406" s="123"/>
      <c r="AB406" s="123"/>
      <c r="AC406" s="123"/>
      <c r="AD406" s="124" t="s">
        <v>105</v>
      </c>
      <c r="AE406" s="124"/>
      <c r="AF406" s="124"/>
      <c r="AG406" s="125"/>
    </row>
    <row r="407" spans="1:33" s="48" customFormat="1" ht="15.95" customHeight="1" x14ac:dyDescent="0.15">
      <c r="A407" s="117" t="s">
        <v>124</v>
      </c>
      <c r="B407" s="118"/>
      <c r="C407" s="118"/>
      <c r="D407" s="118"/>
      <c r="E407" s="118"/>
      <c r="F407" s="118"/>
      <c r="G407" s="118"/>
      <c r="H407" s="118"/>
      <c r="I407" s="119"/>
      <c r="J407" s="120">
        <v>5</v>
      </c>
      <c r="K407" s="121"/>
      <c r="L407" s="121"/>
      <c r="M407" s="121"/>
      <c r="N407" s="122">
        <v>16</v>
      </c>
      <c r="O407" s="122"/>
      <c r="P407" s="122"/>
      <c r="Q407" s="122"/>
      <c r="R407" s="121">
        <v>5</v>
      </c>
      <c r="S407" s="121"/>
      <c r="T407" s="121"/>
      <c r="U407" s="121"/>
      <c r="V407" s="122">
        <v>16</v>
      </c>
      <c r="W407" s="122"/>
      <c r="X407" s="122"/>
      <c r="Y407" s="122"/>
      <c r="Z407" s="123" t="s">
        <v>105</v>
      </c>
      <c r="AA407" s="123"/>
      <c r="AB407" s="123"/>
      <c r="AC407" s="123"/>
      <c r="AD407" s="124" t="s">
        <v>105</v>
      </c>
      <c r="AE407" s="124"/>
      <c r="AF407" s="124"/>
      <c r="AG407" s="125"/>
    </row>
    <row r="408" spans="1:33" s="48" customFormat="1" ht="15.95" customHeight="1" x14ac:dyDescent="0.15">
      <c r="A408" s="117" t="s">
        <v>590</v>
      </c>
      <c r="B408" s="118"/>
      <c r="C408" s="118"/>
      <c r="D408" s="118"/>
      <c r="E408" s="118"/>
      <c r="F408" s="118"/>
      <c r="G408" s="118"/>
      <c r="H408" s="118"/>
      <c r="I408" s="119"/>
      <c r="J408" s="120" t="s">
        <v>105</v>
      </c>
      <c r="K408" s="121"/>
      <c r="L408" s="121"/>
      <c r="M408" s="121"/>
      <c r="N408" s="122" t="s">
        <v>105</v>
      </c>
      <c r="O408" s="122"/>
      <c r="P408" s="122"/>
      <c r="Q408" s="122"/>
      <c r="R408" s="121">
        <v>2</v>
      </c>
      <c r="S408" s="121"/>
      <c r="T408" s="121"/>
      <c r="U408" s="121"/>
      <c r="V408" s="122">
        <v>10</v>
      </c>
      <c r="W408" s="122"/>
      <c r="X408" s="122"/>
      <c r="Y408" s="122"/>
      <c r="Z408" s="123">
        <v>4</v>
      </c>
      <c r="AA408" s="123"/>
      <c r="AB408" s="123"/>
      <c r="AC408" s="123"/>
      <c r="AD408" s="124">
        <v>10</v>
      </c>
      <c r="AE408" s="124"/>
      <c r="AF408" s="124"/>
      <c r="AG408" s="125"/>
    </row>
    <row r="409" spans="1:33" s="48" customFormat="1" ht="15.95" customHeight="1" x14ac:dyDescent="0.15">
      <c r="A409" s="117" t="s">
        <v>591</v>
      </c>
      <c r="B409" s="118"/>
      <c r="C409" s="118"/>
      <c r="D409" s="118"/>
      <c r="E409" s="118"/>
      <c r="F409" s="118"/>
      <c r="G409" s="118"/>
      <c r="H409" s="118"/>
      <c r="I409" s="119"/>
      <c r="J409" s="120" t="s">
        <v>105</v>
      </c>
      <c r="K409" s="121"/>
      <c r="L409" s="121"/>
      <c r="M409" s="121"/>
      <c r="N409" s="122" t="s">
        <v>105</v>
      </c>
      <c r="O409" s="122"/>
      <c r="P409" s="122"/>
      <c r="Q409" s="122"/>
      <c r="R409" s="121">
        <v>1</v>
      </c>
      <c r="S409" s="121"/>
      <c r="T409" s="121"/>
      <c r="U409" s="121"/>
      <c r="V409" s="122">
        <v>12</v>
      </c>
      <c r="W409" s="122"/>
      <c r="X409" s="122"/>
      <c r="Y409" s="122"/>
      <c r="Z409" s="123" t="s">
        <v>105</v>
      </c>
      <c r="AA409" s="123"/>
      <c r="AB409" s="123"/>
      <c r="AC409" s="123"/>
      <c r="AD409" s="124" t="s">
        <v>105</v>
      </c>
      <c r="AE409" s="124"/>
      <c r="AF409" s="124"/>
      <c r="AG409" s="125"/>
    </row>
    <row r="410" spans="1:33" s="48" customFormat="1" ht="15.95" customHeight="1" x14ac:dyDescent="0.15">
      <c r="A410" s="117" t="s">
        <v>644</v>
      </c>
      <c r="B410" s="118"/>
      <c r="C410" s="118"/>
      <c r="D410" s="118"/>
      <c r="E410" s="118"/>
      <c r="F410" s="118"/>
      <c r="G410" s="118"/>
      <c r="H410" s="118"/>
      <c r="I410" s="119"/>
      <c r="J410" s="120" t="s">
        <v>105</v>
      </c>
      <c r="K410" s="121"/>
      <c r="L410" s="121"/>
      <c r="M410" s="121"/>
      <c r="N410" s="122" t="s">
        <v>105</v>
      </c>
      <c r="O410" s="122"/>
      <c r="P410" s="122"/>
      <c r="Q410" s="122"/>
      <c r="R410" s="121" t="s">
        <v>105</v>
      </c>
      <c r="S410" s="121"/>
      <c r="T410" s="121"/>
      <c r="U410" s="121"/>
      <c r="V410" s="122" t="s">
        <v>105</v>
      </c>
      <c r="W410" s="122"/>
      <c r="X410" s="122"/>
      <c r="Y410" s="122"/>
      <c r="Z410" s="123">
        <v>1</v>
      </c>
      <c r="AA410" s="123"/>
      <c r="AB410" s="123"/>
      <c r="AC410" s="123"/>
      <c r="AD410" s="124">
        <v>12</v>
      </c>
      <c r="AE410" s="124"/>
      <c r="AF410" s="124"/>
      <c r="AG410" s="125"/>
    </row>
    <row r="411" spans="1:33" s="48" customFormat="1" ht="15.95" customHeight="1" x14ac:dyDescent="0.15">
      <c r="A411" s="117" t="s">
        <v>645</v>
      </c>
      <c r="B411" s="118"/>
      <c r="C411" s="118"/>
      <c r="D411" s="118"/>
      <c r="E411" s="118"/>
      <c r="F411" s="118"/>
      <c r="G411" s="118"/>
      <c r="H411" s="118"/>
      <c r="I411" s="119"/>
      <c r="J411" s="120" t="s">
        <v>105</v>
      </c>
      <c r="K411" s="121"/>
      <c r="L411" s="121"/>
      <c r="M411" s="121"/>
      <c r="N411" s="122" t="s">
        <v>105</v>
      </c>
      <c r="O411" s="122"/>
      <c r="P411" s="122"/>
      <c r="Q411" s="122"/>
      <c r="R411" s="121" t="s">
        <v>105</v>
      </c>
      <c r="S411" s="121"/>
      <c r="T411" s="121"/>
      <c r="U411" s="121"/>
      <c r="V411" s="122" t="s">
        <v>105</v>
      </c>
      <c r="W411" s="122"/>
      <c r="X411" s="122"/>
      <c r="Y411" s="122"/>
      <c r="Z411" s="123">
        <v>1</v>
      </c>
      <c r="AA411" s="123"/>
      <c r="AB411" s="123"/>
      <c r="AC411" s="123"/>
      <c r="AD411" s="124">
        <v>16</v>
      </c>
      <c r="AE411" s="124"/>
      <c r="AF411" s="124"/>
      <c r="AG411" s="125"/>
    </row>
    <row r="412" spans="1:33" s="48" customFormat="1" ht="15.95" customHeight="1" x14ac:dyDescent="0.15">
      <c r="A412" s="117" t="s">
        <v>502</v>
      </c>
      <c r="B412" s="118"/>
      <c r="C412" s="118"/>
      <c r="D412" s="118"/>
      <c r="E412" s="118"/>
      <c r="F412" s="118"/>
      <c r="G412" s="118"/>
      <c r="H412" s="118"/>
      <c r="I412" s="119"/>
      <c r="J412" s="120" t="s">
        <v>105</v>
      </c>
      <c r="K412" s="121"/>
      <c r="L412" s="121"/>
      <c r="M412" s="121"/>
      <c r="N412" s="122" t="s">
        <v>105</v>
      </c>
      <c r="O412" s="122"/>
      <c r="P412" s="122"/>
      <c r="Q412" s="122"/>
      <c r="R412" s="121" t="s">
        <v>105</v>
      </c>
      <c r="S412" s="121"/>
      <c r="T412" s="121"/>
      <c r="U412" s="121"/>
      <c r="V412" s="122" t="s">
        <v>105</v>
      </c>
      <c r="W412" s="122"/>
      <c r="X412" s="122"/>
      <c r="Y412" s="122"/>
      <c r="Z412" s="123">
        <v>1</v>
      </c>
      <c r="AA412" s="123"/>
      <c r="AB412" s="123"/>
      <c r="AC412" s="123"/>
      <c r="AD412" s="124">
        <v>16</v>
      </c>
      <c r="AE412" s="124"/>
      <c r="AF412" s="124"/>
      <c r="AG412" s="125"/>
    </row>
    <row r="413" spans="1:33" s="48" customFormat="1" ht="15.95" customHeight="1" x14ac:dyDescent="0.15">
      <c r="A413" s="883" t="s">
        <v>646</v>
      </c>
      <c r="B413" s="884"/>
      <c r="C413" s="884"/>
      <c r="D413" s="884"/>
      <c r="E413" s="884"/>
      <c r="F413" s="884"/>
      <c r="G413" s="884"/>
      <c r="H413" s="884"/>
      <c r="I413" s="885"/>
      <c r="J413" s="120" t="s">
        <v>105</v>
      </c>
      <c r="K413" s="121"/>
      <c r="L413" s="121"/>
      <c r="M413" s="121"/>
      <c r="N413" s="122" t="s">
        <v>105</v>
      </c>
      <c r="O413" s="122"/>
      <c r="P413" s="122"/>
      <c r="Q413" s="122"/>
      <c r="R413" s="121" t="s">
        <v>105</v>
      </c>
      <c r="S413" s="121"/>
      <c r="T413" s="121"/>
      <c r="U413" s="121"/>
      <c r="V413" s="122" t="s">
        <v>105</v>
      </c>
      <c r="W413" s="122"/>
      <c r="X413" s="122"/>
      <c r="Y413" s="122"/>
      <c r="Z413" s="840">
        <v>2</v>
      </c>
      <c r="AA413" s="840"/>
      <c r="AB413" s="840"/>
      <c r="AC413" s="840"/>
      <c r="AD413" s="881">
        <v>10</v>
      </c>
      <c r="AE413" s="881"/>
      <c r="AF413" s="881"/>
      <c r="AG413" s="882"/>
    </row>
    <row r="414" spans="1:33" s="48" customFormat="1" ht="15.95" customHeight="1" x14ac:dyDescent="0.15">
      <c r="A414" s="73" t="s">
        <v>491</v>
      </c>
      <c r="B414" s="73"/>
      <c r="C414" s="73"/>
      <c r="D414" s="73"/>
      <c r="E414" s="73"/>
      <c r="F414" s="73"/>
      <c r="G414" s="73"/>
      <c r="H414" s="73"/>
      <c r="I414" s="73"/>
      <c r="J414" s="811"/>
      <c r="K414" s="811"/>
      <c r="L414" s="811"/>
      <c r="M414" s="811"/>
      <c r="N414" s="818"/>
      <c r="O414" s="818"/>
      <c r="P414" s="818"/>
      <c r="Q414" s="818"/>
      <c r="R414" s="811"/>
      <c r="S414" s="811"/>
      <c r="T414" s="811"/>
      <c r="U414" s="811"/>
      <c r="V414" s="818"/>
      <c r="W414" s="818"/>
      <c r="X414" s="818"/>
      <c r="Y414" s="818"/>
      <c r="Z414" s="78"/>
      <c r="AA414" s="78"/>
      <c r="AB414" s="78"/>
      <c r="AC414" s="78"/>
      <c r="AD414" s="79"/>
      <c r="AE414" s="79"/>
      <c r="AF414" s="79"/>
      <c r="AG414" s="80" t="s">
        <v>492</v>
      </c>
    </row>
    <row r="415" spans="1:33" s="48" customFormat="1" ht="15.95" customHeight="1" x14ac:dyDescent="0.15">
      <c r="A415" s="118"/>
      <c r="B415" s="118"/>
      <c r="C415" s="118"/>
      <c r="D415" s="118"/>
      <c r="E415" s="118"/>
      <c r="F415" s="118"/>
      <c r="G415" s="118"/>
      <c r="H415" s="118"/>
      <c r="I415" s="118"/>
      <c r="J415" s="121"/>
      <c r="K415" s="121"/>
      <c r="L415" s="121"/>
      <c r="M415" s="121"/>
      <c r="N415" s="122"/>
      <c r="O415" s="122"/>
      <c r="P415" s="122"/>
      <c r="Q415" s="122"/>
      <c r="R415" s="121"/>
      <c r="S415" s="121"/>
      <c r="T415" s="121"/>
      <c r="U415" s="121"/>
      <c r="V415" s="122"/>
      <c r="W415" s="122"/>
      <c r="X415" s="122"/>
      <c r="Y415" s="122"/>
      <c r="Z415" s="123"/>
      <c r="AA415" s="123"/>
      <c r="AB415" s="123"/>
      <c r="AC415" s="123"/>
    </row>
    <row r="416" spans="1:33" s="107" customFormat="1" ht="15.75" customHeight="1" x14ac:dyDescent="0.15">
      <c r="A416" s="106" t="s">
        <v>626</v>
      </c>
    </row>
    <row r="417" spans="1:33" s="108" customFormat="1" ht="15.95" customHeight="1" x14ac:dyDescent="0.15">
      <c r="A417" s="396" t="s">
        <v>613</v>
      </c>
      <c r="B417" s="397"/>
      <c r="C417" s="397"/>
      <c r="D417" s="397"/>
      <c r="E417" s="397"/>
      <c r="F417" s="397"/>
      <c r="G417" s="397"/>
      <c r="H417" s="397"/>
      <c r="I417" s="411"/>
      <c r="J417" s="986">
        <v>4</v>
      </c>
      <c r="K417" s="987"/>
      <c r="L417" s="987"/>
      <c r="M417" s="987"/>
      <c r="N417" s="987"/>
      <c r="O417" s="987"/>
      <c r="P417" s="987"/>
      <c r="Q417" s="988"/>
      <c r="R417" s="986">
        <v>5</v>
      </c>
      <c r="S417" s="987"/>
      <c r="T417" s="987"/>
      <c r="U417" s="987"/>
      <c r="V417" s="987"/>
      <c r="W417" s="987"/>
      <c r="X417" s="987"/>
      <c r="Y417" s="988"/>
      <c r="Z417" s="989">
        <v>6</v>
      </c>
      <c r="AA417" s="989"/>
      <c r="AB417" s="989"/>
      <c r="AC417" s="989"/>
      <c r="AD417" s="989"/>
      <c r="AE417" s="989"/>
      <c r="AF417" s="989"/>
      <c r="AG417" s="990"/>
    </row>
    <row r="418" spans="1:33" s="108" customFormat="1" ht="15.95" customHeight="1" x14ac:dyDescent="0.15">
      <c r="A418" s="420" t="s">
        <v>106</v>
      </c>
      <c r="B418" s="421"/>
      <c r="C418" s="421"/>
      <c r="D418" s="421"/>
      <c r="E418" s="421"/>
      <c r="F418" s="421"/>
      <c r="G418" s="421"/>
      <c r="H418" s="421"/>
      <c r="I418" s="422"/>
      <c r="J418" s="991" t="s">
        <v>110</v>
      </c>
      <c r="K418" s="992"/>
      <c r="L418" s="992"/>
      <c r="M418" s="993"/>
      <c r="N418" s="991" t="s">
        <v>614</v>
      </c>
      <c r="O418" s="992"/>
      <c r="P418" s="992"/>
      <c r="Q418" s="993"/>
      <c r="R418" s="992" t="s">
        <v>110</v>
      </c>
      <c r="S418" s="992"/>
      <c r="T418" s="992"/>
      <c r="U418" s="993"/>
      <c r="V418" s="991" t="s">
        <v>614</v>
      </c>
      <c r="W418" s="992"/>
      <c r="X418" s="992"/>
      <c r="Y418" s="993"/>
      <c r="Z418" s="829" t="s">
        <v>110</v>
      </c>
      <c r="AA418" s="829"/>
      <c r="AB418" s="829"/>
      <c r="AC418" s="994"/>
      <c r="AD418" s="828" t="s">
        <v>614</v>
      </c>
      <c r="AE418" s="829"/>
      <c r="AF418" s="829"/>
      <c r="AG418" s="830"/>
    </row>
    <row r="419" spans="1:33" s="108" customFormat="1" ht="15.95" customHeight="1" x14ac:dyDescent="0.15">
      <c r="A419" s="831" t="s">
        <v>195</v>
      </c>
      <c r="B419" s="832"/>
      <c r="C419" s="832"/>
      <c r="D419" s="832"/>
      <c r="E419" s="832"/>
      <c r="F419" s="832"/>
      <c r="G419" s="832"/>
      <c r="H419" s="832"/>
      <c r="I419" s="833"/>
      <c r="J419" s="834" t="s">
        <v>615</v>
      </c>
      <c r="K419" s="834"/>
      <c r="L419" s="834"/>
      <c r="M419" s="834"/>
      <c r="N419" s="569">
        <f>SUM(N420:Q427)</f>
        <v>18459</v>
      </c>
      <c r="O419" s="569"/>
      <c r="P419" s="569"/>
      <c r="Q419" s="569"/>
      <c r="R419" s="834" t="s">
        <v>615</v>
      </c>
      <c r="S419" s="834"/>
      <c r="T419" s="834"/>
      <c r="U419" s="834"/>
      <c r="V419" s="569">
        <f>SUM(V420:Y427)</f>
        <v>24644</v>
      </c>
      <c r="W419" s="569"/>
      <c r="X419" s="569"/>
      <c r="Y419" s="569"/>
      <c r="Z419" s="995" t="s">
        <v>615</v>
      </c>
      <c r="AA419" s="995"/>
      <c r="AB419" s="995"/>
      <c r="AC419" s="995"/>
      <c r="AD419" s="240">
        <f>SUM(AD420:AG427)</f>
        <v>23849</v>
      </c>
      <c r="AE419" s="240"/>
      <c r="AF419" s="240"/>
      <c r="AG419" s="241"/>
    </row>
    <row r="420" spans="1:33" s="108" customFormat="1" ht="15.95" customHeight="1" x14ac:dyDescent="0.15">
      <c r="A420" s="384" t="s">
        <v>616</v>
      </c>
      <c r="B420" s="242"/>
      <c r="C420" s="242"/>
      <c r="D420" s="242"/>
      <c r="E420" s="242"/>
      <c r="F420" s="242"/>
      <c r="G420" s="242"/>
      <c r="H420" s="242"/>
      <c r="I420" s="243"/>
      <c r="J420" s="512">
        <v>492</v>
      </c>
      <c r="K420" s="282"/>
      <c r="L420" s="282"/>
      <c r="M420" s="282"/>
      <c r="N420" s="282">
        <v>3882</v>
      </c>
      <c r="O420" s="282"/>
      <c r="P420" s="282"/>
      <c r="Q420" s="282"/>
      <c r="R420" s="282">
        <v>578</v>
      </c>
      <c r="S420" s="282"/>
      <c r="T420" s="282"/>
      <c r="U420" s="282"/>
      <c r="V420" s="282">
        <v>4507</v>
      </c>
      <c r="W420" s="282"/>
      <c r="X420" s="282"/>
      <c r="Y420" s="282"/>
      <c r="Z420" s="996">
        <v>670</v>
      </c>
      <c r="AA420" s="996"/>
      <c r="AB420" s="996"/>
      <c r="AC420" s="996"/>
      <c r="AD420" s="996">
        <v>4592</v>
      </c>
      <c r="AE420" s="996"/>
      <c r="AF420" s="996"/>
      <c r="AG420" s="997"/>
    </row>
    <row r="421" spans="1:33" s="108" customFormat="1" ht="15.95" customHeight="1" x14ac:dyDescent="0.15">
      <c r="A421" s="384" t="s">
        <v>617</v>
      </c>
      <c r="B421" s="242"/>
      <c r="C421" s="242"/>
      <c r="D421" s="242"/>
      <c r="E421" s="242"/>
      <c r="F421" s="242"/>
      <c r="G421" s="242"/>
      <c r="H421" s="242"/>
      <c r="I421" s="243"/>
      <c r="J421" s="512">
        <v>7</v>
      </c>
      <c r="K421" s="282"/>
      <c r="L421" s="282"/>
      <c r="M421" s="282"/>
      <c r="N421" s="282">
        <v>50</v>
      </c>
      <c r="O421" s="282"/>
      <c r="P421" s="282"/>
      <c r="Q421" s="282"/>
      <c r="R421" s="282">
        <v>15</v>
      </c>
      <c r="S421" s="282"/>
      <c r="T421" s="282"/>
      <c r="U421" s="282"/>
      <c r="V421" s="282">
        <v>91</v>
      </c>
      <c r="W421" s="282"/>
      <c r="X421" s="282"/>
      <c r="Y421" s="282"/>
      <c r="Z421" s="996">
        <v>10</v>
      </c>
      <c r="AA421" s="996"/>
      <c r="AB421" s="996"/>
      <c r="AC421" s="996"/>
      <c r="AD421" s="996">
        <v>61</v>
      </c>
      <c r="AE421" s="996"/>
      <c r="AF421" s="996"/>
      <c r="AG421" s="997"/>
    </row>
    <row r="422" spans="1:33" s="108" customFormat="1" ht="15.95" customHeight="1" x14ac:dyDescent="0.15">
      <c r="A422" s="384" t="s">
        <v>618</v>
      </c>
      <c r="B422" s="242"/>
      <c r="C422" s="242"/>
      <c r="D422" s="242"/>
      <c r="E422" s="242"/>
      <c r="F422" s="242"/>
      <c r="G422" s="242"/>
      <c r="H422" s="242"/>
      <c r="I422" s="243"/>
      <c r="J422" s="512">
        <v>23</v>
      </c>
      <c r="K422" s="282"/>
      <c r="L422" s="282"/>
      <c r="M422" s="282"/>
      <c r="N422" s="282">
        <v>190</v>
      </c>
      <c r="O422" s="282"/>
      <c r="P422" s="282"/>
      <c r="Q422" s="282"/>
      <c r="R422" s="282">
        <v>46</v>
      </c>
      <c r="S422" s="282"/>
      <c r="T422" s="282"/>
      <c r="U422" s="282"/>
      <c r="V422" s="282">
        <v>320</v>
      </c>
      <c r="W422" s="282"/>
      <c r="X422" s="282"/>
      <c r="Y422" s="282"/>
      <c r="Z422" s="996">
        <v>38</v>
      </c>
      <c r="AA422" s="996"/>
      <c r="AB422" s="996"/>
      <c r="AC422" s="996"/>
      <c r="AD422" s="996">
        <v>176</v>
      </c>
      <c r="AE422" s="996"/>
      <c r="AF422" s="996"/>
      <c r="AG422" s="997"/>
    </row>
    <row r="423" spans="1:33" s="108" customFormat="1" ht="15.95" customHeight="1" x14ac:dyDescent="0.15">
      <c r="A423" s="1002" t="s">
        <v>619</v>
      </c>
      <c r="B423" s="126"/>
      <c r="C423" s="126"/>
      <c r="D423" s="126"/>
      <c r="E423" s="126"/>
      <c r="F423" s="126"/>
      <c r="G423" s="126"/>
      <c r="H423" s="126"/>
      <c r="I423" s="127"/>
      <c r="J423" s="512">
        <v>86</v>
      </c>
      <c r="K423" s="282"/>
      <c r="L423" s="282"/>
      <c r="M423" s="282"/>
      <c r="N423" s="282">
        <v>518</v>
      </c>
      <c r="O423" s="282"/>
      <c r="P423" s="282"/>
      <c r="Q423" s="282"/>
      <c r="R423" s="282">
        <v>146</v>
      </c>
      <c r="S423" s="282"/>
      <c r="T423" s="282"/>
      <c r="U423" s="282"/>
      <c r="V423" s="282">
        <v>769</v>
      </c>
      <c r="W423" s="282"/>
      <c r="X423" s="282"/>
      <c r="Y423" s="282"/>
      <c r="Z423" s="996">
        <v>254</v>
      </c>
      <c r="AA423" s="996"/>
      <c r="AB423" s="996"/>
      <c r="AC423" s="996"/>
      <c r="AD423" s="996">
        <v>1276</v>
      </c>
      <c r="AE423" s="996"/>
      <c r="AF423" s="996"/>
      <c r="AG423" s="997"/>
    </row>
    <row r="424" spans="1:33" s="108" customFormat="1" ht="15.95" customHeight="1" x14ac:dyDescent="0.15">
      <c r="A424" s="384" t="s">
        <v>620</v>
      </c>
      <c r="B424" s="242"/>
      <c r="C424" s="242"/>
      <c r="D424" s="242"/>
      <c r="E424" s="242"/>
      <c r="F424" s="242"/>
      <c r="G424" s="242"/>
      <c r="H424" s="242"/>
      <c r="I424" s="243"/>
      <c r="J424" s="512">
        <v>132</v>
      </c>
      <c r="K424" s="282"/>
      <c r="L424" s="282"/>
      <c r="M424" s="282"/>
      <c r="N424" s="282">
        <v>285</v>
      </c>
      <c r="O424" s="282"/>
      <c r="P424" s="282"/>
      <c r="Q424" s="282"/>
      <c r="R424" s="282">
        <v>240</v>
      </c>
      <c r="S424" s="282"/>
      <c r="T424" s="282"/>
      <c r="U424" s="282"/>
      <c r="V424" s="282">
        <v>702</v>
      </c>
      <c r="W424" s="282"/>
      <c r="X424" s="282"/>
      <c r="Y424" s="282"/>
      <c r="Z424" s="996">
        <v>266</v>
      </c>
      <c r="AA424" s="996"/>
      <c r="AB424" s="996"/>
      <c r="AC424" s="996"/>
      <c r="AD424" s="996">
        <v>864</v>
      </c>
      <c r="AE424" s="996"/>
      <c r="AF424" s="996"/>
      <c r="AG424" s="997"/>
    </row>
    <row r="425" spans="1:33" s="108" customFormat="1" ht="15.95" customHeight="1" x14ac:dyDescent="0.15">
      <c r="A425" s="384" t="s">
        <v>621</v>
      </c>
      <c r="B425" s="242"/>
      <c r="C425" s="242"/>
      <c r="D425" s="242"/>
      <c r="E425" s="242"/>
      <c r="F425" s="242"/>
      <c r="G425" s="242"/>
      <c r="H425" s="242"/>
      <c r="I425" s="243"/>
      <c r="J425" s="1003" t="s">
        <v>209</v>
      </c>
      <c r="K425" s="155"/>
      <c r="L425" s="155"/>
      <c r="M425" s="155"/>
      <c r="N425" s="282">
        <v>6994</v>
      </c>
      <c r="O425" s="282"/>
      <c r="P425" s="282"/>
      <c r="Q425" s="282"/>
      <c r="R425" s="155" t="s">
        <v>209</v>
      </c>
      <c r="S425" s="155"/>
      <c r="T425" s="155"/>
      <c r="U425" s="155"/>
      <c r="V425" s="282">
        <v>10029</v>
      </c>
      <c r="W425" s="282"/>
      <c r="X425" s="282"/>
      <c r="Y425" s="282"/>
      <c r="Z425" s="153" t="s">
        <v>209</v>
      </c>
      <c r="AA425" s="153"/>
      <c r="AB425" s="153"/>
      <c r="AC425" s="153"/>
      <c r="AD425" s="996">
        <v>10255</v>
      </c>
      <c r="AE425" s="996"/>
      <c r="AF425" s="996"/>
      <c r="AG425" s="997"/>
    </row>
    <row r="426" spans="1:33" s="108" customFormat="1" ht="15.95" customHeight="1" x14ac:dyDescent="0.15">
      <c r="A426" s="998" t="s">
        <v>622</v>
      </c>
      <c r="B426" s="174"/>
      <c r="C426" s="174"/>
      <c r="D426" s="174"/>
      <c r="E426" s="174"/>
      <c r="F426" s="174"/>
      <c r="G426" s="174"/>
      <c r="H426" s="174"/>
      <c r="I426" s="175"/>
      <c r="J426" s="512">
        <v>61</v>
      </c>
      <c r="K426" s="282"/>
      <c r="L426" s="282"/>
      <c r="M426" s="282"/>
      <c r="N426" s="282">
        <v>1083</v>
      </c>
      <c r="O426" s="282"/>
      <c r="P426" s="282"/>
      <c r="Q426" s="282"/>
      <c r="R426" s="282">
        <v>23</v>
      </c>
      <c r="S426" s="282"/>
      <c r="T426" s="282"/>
      <c r="U426" s="282"/>
      <c r="V426" s="282">
        <v>815</v>
      </c>
      <c r="W426" s="282"/>
      <c r="X426" s="282"/>
      <c r="Y426" s="282"/>
      <c r="Z426" s="996">
        <v>23</v>
      </c>
      <c r="AA426" s="996"/>
      <c r="AB426" s="996"/>
      <c r="AC426" s="996"/>
      <c r="AD426" s="996">
        <v>1152</v>
      </c>
      <c r="AE426" s="996"/>
      <c r="AF426" s="996"/>
      <c r="AG426" s="997"/>
    </row>
    <row r="427" spans="1:33" s="108" customFormat="1" ht="15.95" customHeight="1" x14ac:dyDescent="0.15">
      <c r="A427" s="999" t="s">
        <v>623</v>
      </c>
      <c r="B427" s="248"/>
      <c r="C427" s="248"/>
      <c r="D427" s="248"/>
      <c r="E427" s="248"/>
      <c r="F427" s="248"/>
      <c r="G427" s="248"/>
      <c r="H427" s="248"/>
      <c r="I427" s="249"/>
      <c r="J427" s="1000">
        <v>231</v>
      </c>
      <c r="K427" s="1001"/>
      <c r="L427" s="1001"/>
      <c r="M427" s="1001"/>
      <c r="N427" s="1001">
        <v>5457</v>
      </c>
      <c r="O427" s="1001"/>
      <c r="P427" s="1001"/>
      <c r="Q427" s="1001"/>
      <c r="R427" s="1001">
        <v>315</v>
      </c>
      <c r="S427" s="1001"/>
      <c r="T427" s="1001"/>
      <c r="U427" s="1001"/>
      <c r="V427" s="1001">
        <v>7411</v>
      </c>
      <c r="W427" s="1001"/>
      <c r="X427" s="1001"/>
      <c r="Y427" s="1001"/>
      <c r="Z427" s="532">
        <v>247</v>
      </c>
      <c r="AA427" s="532"/>
      <c r="AB427" s="532"/>
      <c r="AC427" s="532"/>
      <c r="AD427" s="532">
        <v>5473</v>
      </c>
      <c r="AE427" s="532"/>
      <c r="AF427" s="532"/>
      <c r="AG427" s="543"/>
    </row>
    <row r="428" spans="1:33" s="108" customFormat="1" ht="13.5" customHeight="1" x14ac:dyDescent="0.15">
      <c r="A428" s="109" t="s">
        <v>625</v>
      </c>
      <c r="AB428" s="105"/>
      <c r="AC428" s="105"/>
      <c r="AD428" s="105"/>
      <c r="AE428" s="105"/>
      <c r="AF428" s="105"/>
      <c r="AG428" s="105" t="s">
        <v>624</v>
      </c>
    </row>
    <row r="429" spans="1:33" s="108" customFormat="1" ht="13.5" customHeight="1" x14ac:dyDescent="0.15">
      <c r="A429" s="109" t="s">
        <v>632</v>
      </c>
      <c r="AB429" s="105"/>
      <c r="AC429" s="105"/>
      <c r="AD429" s="105"/>
      <c r="AE429" s="105"/>
      <c r="AF429" s="105"/>
      <c r="AG429" s="105"/>
    </row>
    <row r="430" spans="1:33" s="108" customFormat="1" ht="13.5" customHeight="1" x14ac:dyDescent="0.15">
      <c r="AB430" s="105"/>
      <c r="AC430" s="105"/>
      <c r="AD430" s="105"/>
      <c r="AE430" s="105"/>
      <c r="AF430" s="105"/>
      <c r="AG430" s="105"/>
    </row>
    <row r="431" spans="1:33" s="48" customFormat="1" ht="15.6" customHeight="1" x14ac:dyDescent="0.15">
      <c r="A431" s="4" t="s">
        <v>627</v>
      </c>
      <c r="B431" s="4"/>
      <c r="C431" s="4"/>
      <c r="D431" s="4"/>
      <c r="E431" s="4"/>
      <c r="F431" s="4"/>
      <c r="G431" s="1"/>
      <c r="H431" s="1"/>
      <c r="I431" s="1"/>
      <c r="J431" s="1"/>
      <c r="K431" s="1"/>
      <c r="L431" s="1"/>
      <c r="M431" s="1"/>
      <c r="N431" s="1"/>
      <c r="O431" s="1"/>
      <c r="P431" s="1"/>
      <c r="Q431" s="1"/>
      <c r="R431" s="1"/>
      <c r="S431" s="1"/>
      <c r="T431" s="1"/>
      <c r="U431" s="1"/>
      <c r="V431" s="1"/>
      <c r="W431" s="1"/>
      <c r="X431" s="1"/>
      <c r="Y431" s="15"/>
      <c r="Z431" s="15"/>
      <c r="AA431" s="15"/>
      <c r="AB431" s="15"/>
      <c r="AC431" s="15"/>
      <c r="AD431" s="15"/>
      <c r="AE431" s="15"/>
      <c r="AF431" s="15"/>
      <c r="AG431" s="24"/>
    </row>
    <row r="432" spans="1:33" s="48" customFormat="1" ht="15.6" customHeight="1" x14ac:dyDescent="0.15">
      <c r="A432" s="4"/>
      <c r="B432" s="1" t="s">
        <v>610</v>
      </c>
      <c r="C432" s="1"/>
      <c r="D432" s="1"/>
      <c r="E432" s="1"/>
      <c r="F432" s="1"/>
      <c r="G432" s="1"/>
      <c r="H432" s="1"/>
      <c r="I432" s="1"/>
      <c r="J432" s="1"/>
      <c r="K432" s="1"/>
      <c r="L432" s="1"/>
      <c r="M432" s="1"/>
      <c r="N432" s="1"/>
      <c r="O432" s="1"/>
      <c r="P432" s="1"/>
      <c r="Q432" s="1"/>
      <c r="R432" s="1"/>
      <c r="S432" s="1"/>
      <c r="T432" s="1"/>
      <c r="U432" s="1"/>
      <c r="V432" s="1"/>
      <c r="W432" s="1"/>
      <c r="X432" s="1"/>
      <c r="Y432" s="1"/>
      <c r="Z432" s="1"/>
      <c r="AA432" s="1"/>
      <c r="AB432" s="1"/>
      <c r="AC432" s="1"/>
      <c r="AD432" s="1"/>
      <c r="AE432" s="15"/>
      <c r="AF432" s="15"/>
      <c r="AG432" s="24" t="s">
        <v>94</v>
      </c>
    </row>
    <row r="433" spans="1:33" s="48" customFormat="1" ht="15.6" customHeight="1" x14ac:dyDescent="0.15">
      <c r="A433" s="668" t="s">
        <v>95</v>
      </c>
      <c r="B433" s="669"/>
      <c r="C433" s="669"/>
      <c r="D433" s="669"/>
      <c r="E433" s="669"/>
      <c r="F433" s="669"/>
      <c r="G433" s="669"/>
      <c r="H433" s="669"/>
      <c r="I433" s="669"/>
      <c r="J433" s="669"/>
      <c r="K433" s="669"/>
      <c r="L433" s="669"/>
      <c r="M433" s="669"/>
      <c r="N433" s="670"/>
      <c r="O433" s="221" t="s">
        <v>96</v>
      </c>
      <c r="P433" s="843"/>
      <c r="Q433" s="222"/>
      <c r="R433" s="468" t="s">
        <v>95</v>
      </c>
      <c r="S433" s="469"/>
      <c r="T433" s="469"/>
      <c r="U433" s="469"/>
      <c r="V433" s="469"/>
      <c r="W433" s="469"/>
      <c r="X433" s="469"/>
      <c r="Y433" s="469"/>
      <c r="Z433" s="469"/>
      <c r="AA433" s="469"/>
      <c r="AB433" s="469"/>
      <c r="AC433" s="469"/>
      <c r="AD433" s="470"/>
      <c r="AE433" s="221" t="s">
        <v>96</v>
      </c>
      <c r="AF433" s="843"/>
      <c r="AG433" s="843"/>
    </row>
    <row r="434" spans="1:33" s="48" customFormat="1" ht="15.6" customHeight="1" x14ac:dyDescent="0.15">
      <c r="A434" s="671"/>
      <c r="B434" s="585"/>
      <c r="C434" s="585"/>
      <c r="D434" s="585"/>
      <c r="E434" s="585"/>
      <c r="F434" s="585"/>
      <c r="G434" s="585"/>
      <c r="H434" s="585"/>
      <c r="I434" s="585"/>
      <c r="J434" s="585"/>
      <c r="K434" s="585"/>
      <c r="L434" s="585"/>
      <c r="M434" s="585"/>
      <c r="N434" s="560"/>
      <c r="O434" s="223"/>
      <c r="P434" s="844"/>
      <c r="Q434" s="224"/>
      <c r="R434" s="465"/>
      <c r="S434" s="466"/>
      <c r="T434" s="466"/>
      <c r="U434" s="466"/>
      <c r="V434" s="466"/>
      <c r="W434" s="466"/>
      <c r="X434" s="466"/>
      <c r="Y434" s="466"/>
      <c r="Z434" s="466"/>
      <c r="AA434" s="466"/>
      <c r="AB434" s="466"/>
      <c r="AC434" s="466"/>
      <c r="AD434" s="467"/>
      <c r="AE434" s="223"/>
      <c r="AF434" s="844"/>
      <c r="AG434" s="844"/>
    </row>
    <row r="435" spans="1:33" s="48" customFormat="1" ht="15" customHeight="1" x14ac:dyDescent="0.15">
      <c r="A435" s="848" t="s">
        <v>514</v>
      </c>
      <c r="B435" s="849"/>
      <c r="C435" s="849"/>
      <c r="D435" s="849"/>
      <c r="E435" s="849"/>
      <c r="F435" s="849"/>
      <c r="G435" s="849"/>
      <c r="H435" s="849"/>
      <c r="I435" s="849"/>
      <c r="J435" s="849"/>
      <c r="K435" s="849"/>
      <c r="L435" s="849"/>
      <c r="M435" s="849"/>
      <c r="N435" s="849"/>
      <c r="O435" s="130">
        <v>1979</v>
      </c>
      <c r="P435" s="131"/>
      <c r="Q435" s="132"/>
      <c r="R435" s="292" t="s">
        <v>236</v>
      </c>
      <c r="S435" s="292"/>
      <c r="T435" s="292"/>
      <c r="U435" s="292"/>
      <c r="V435" s="292"/>
      <c r="W435" s="292"/>
      <c r="X435" s="292"/>
      <c r="Y435" s="292"/>
      <c r="Z435" s="292"/>
      <c r="AA435" s="292"/>
      <c r="AB435" s="292"/>
      <c r="AC435" s="292"/>
      <c r="AD435" s="293"/>
      <c r="AE435" s="807" t="s">
        <v>105</v>
      </c>
      <c r="AF435" s="808"/>
      <c r="AG435" s="809"/>
    </row>
    <row r="436" spans="1:33" s="48" customFormat="1" ht="15" customHeight="1" x14ac:dyDescent="0.15">
      <c r="A436" s="89"/>
      <c r="B436" s="126" t="s">
        <v>417</v>
      </c>
      <c r="C436" s="126"/>
      <c r="D436" s="126"/>
      <c r="E436" s="126"/>
      <c r="F436" s="126"/>
      <c r="G436" s="126"/>
      <c r="H436" s="126"/>
      <c r="I436" s="126"/>
      <c r="J436" s="126"/>
      <c r="K436" s="126"/>
      <c r="L436" s="126"/>
      <c r="M436" s="126"/>
      <c r="N436" s="127"/>
      <c r="O436" s="130">
        <v>50</v>
      </c>
      <c r="P436" s="131"/>
      <c r="Q436" s="132"/>
      <c r="R436" s="88"/>
      <c r="S436" s="126" t="s">
        <v>224</v>
      </c>
      <c r="T436" s="126"/>
      <c r="U436" s="126"/>
      <c r="V436" s="126"/>
      <c r="W436" s="126"/>
      <c r="X436" s="126"/>
      <c r="Y436" s="126"/>
      <c r="Z436" s="126"/>
      <c r="AA436" s="126"/>
      <c r="AB436" s="126"/>
      <c r="AC436" s="126"/>
      <c r="AD436" s="127"/>
      <c r="AE436" s="801" t="s">
        <v>105</v>
      </c>
      <c r="AF436" s="802"/>
      <c r="AG436" s="803"/>
    </row>
    <row r="437" spans="1:33" s="48" customFormat="1" ht="15" customHeight="1" x14ac:dyDescent="0.15">
      <c r="A437" s="91"/>
      <c r="B437" s="126" t="s">
        <v>510</v>
      </c>
      <c r="C437" s="126"/>
      <c r="D437" s="126"/>
      <c r="E437" s="126"/>
      <c r="F437" s="126"/>
      <c r="G437" s="126"/>
      <c r="H437" s="126"/>
      <c r="I437" s="126"/>
      <c r="J437" s="126"/>
      <c r="K437" s="126"/>
      <c r="L437" s="126"/>
      <c r="M437" s="126"/>
      <c r="N437" s="127"/>
      <c r="O437" s="130">
        <v>164</v>
      </c>
      <c r="P437" s="131"/>
      <c r="Q437" s="132"/>
      <c r="R437" s="900" t="s">
        <v>237</v>
      </c>
      <c r="S437" s="292"/>
      <c r="T437" s="292"/>
      <c r="U437" s="292"/>
      <c r="V437" s="292"/>
      <c r="W437" s="292"/>
      <c r="X437" s="292"/>
      <c r="Y437" s="292"/>
      <c r="Z437" s="292"/>
      <c r="AA437" s="292"/>
      <c r="AB437" s="292"/>
      <c r="AC437" s="292"/>
      <c r="AD437" s="293"/>
      <c r="AE437" s="307">
        <v>22</v>
      </c>
      <c r="AF437" s="308"/>
      <c r="AG437" s="309"/>
    </row>
    <row r="438" spans="1:33" s="48" customFormat="1" ht="15" customHeight="1" x14ac:dyDescent="0.15">
      <c r="A438" s="91"/>
      <c r="B438" s="126" t="s">
        <v>418</v>
      </c>
      <c r="C438" s="126"/>
      <c r="D438" s="126"/>
      <c r="E438" s="126"/>
      <c r="F438" s="126"/>
      <c r="G438" s="126"/>
      <c r="H438" s="126"/>
      <c r="I438" s="126"/>
      <c r="J438" s="126"/>
      <c r="K438" s="126"/>
      <c r="L438" s="126"/>
      <c r="M438" s="126"/>
      <c r="N438" s="127"/>
      <c r="O438" s="130">
        <v>60</v>
      </c>
      <c r="P438" s="131"/>
      <c r="Q438" s="132"/>
      <c r="R438" s="92"/>
      <c r="S438" s="126" t="s">
        <v>225</v>
      </c>
      <c r="T438" s="126"/>
      <c r="U438" s="126"/>
      <c r="V438" s="126"/>
      <c r="W438" s="126"/>
      <c r="X438" s="126"/>
      <c r="Y438" s="126"/>
      <c r="Z438" s="126"/>
      <c r="AA438" s="126"/>
      <c r="AB438" s="126"/>
      <c r="AC438" s="126"/>
      <c r="AD438" s="127"/>
      <c r="AE438" s="307">
        <v>14</v>
      </c>
      <c r="AF438" s="308"/>
      <c r="AG438" s="309"/>
    </row>
    <row r="439" spans="1:33" s="48" customFormat="1" ht="15" customHeight="1" x14ac:dyDescent="0.15">
      <c r="A439" s="91"/>
      <c r="B439" s="126" t="s">
        <v>419</v>
      </c>
      <c r="C439" s="126"/>
      <c r="D439" s="126"/>
      <c r="E439" s="126"/>
      <c r="F439" s="126"/>
      <c r="G439" s="126"/>
      <c r="H439" s="126"/>
      <c r="I439" s="126"/>
      <c r="J439" s="126"/>
      <c r="K439" s="126"/>
      <c r="L439" s="126"/>
      <c r="M439" s="126"/>
      <c r="N439" s="127"/>
      <c r="O439" s="130">
        <v>45</v>
      </c>
      <c r="P439" s="131"/>
      <c r="Q439" s="132"/>
      <c r="R439" s="92"/>
      <c r="S439" s="126" t="s">
        <v>238</v>
      </c>
      <c r="T439" s="126"/>
      <c r="U439" s="126"/>
      <c r="V439" s="126"/>
      <c r="W439" s="126"/>
      <c r="X439" s="126"/>
      <c r="Y439" s="126"/>
      <c r="Z439" s="126"/>
      <c r="AA439" s="126"/>
      <c r="AB439" s="126"/>
      <c r="AC439" s="126"/>
      <c r="AD439" s="127"/>
      <c r="AE439" s="801" t="s">
        <v>105</v>
      </c>
      <c r="AF439" s="802"/>
      <c r="AG439" s="803"/>
    </row>
    <row r="440" spans="1:33" s="48" customFormat="1" ht="15" customHeight="1" x14ac:dyDescent="0.15">
      <c r="A440" s="91"/>
      <c r="B440" s="126" t="s">
        <v>420</v>
      </c>
      <c r="C440" s="126"/>
      <c r="D440" s="126"/>
      <c r="E440" s="126"/>
      <c r="F440" s="126"/>
      <c r="G440" s="126"/>
      <c r="H440" s="126"/>
      <c r="I440" s="126"/>
      <c r="J440" s="126"/>
      <c r="K440" s="126"/>
      <c r="L440" s="126"/>
      <c r="M440" s="126"/>
      <c r="N440" s="127"/>
      <c r="O440" s="130">
        <v>113</v>
      </c>
      <c r="P440" s="131"/>
      <c r="Q440" s="132"/>
      <c r="R440" s="92"/>
      <c r="S440" s="126" t="s">
        <v>512</v>
      </c>
      <c r="T440" s="126"/>
      <c r="U440" s="126"/>
      <c r="V440" s="126"/>
      <c r="W440" s="126"/>
      <c r="X440" s="126"/>
      <c r="Y440" s="126"/>
      <c r="Z440" s="126"/>
      <c r="AA440" s="126"/>
      <c r="AB440" s="126"/>
      <c r="AC440" s="126"/>
      <c r="AD440" s="127"/>
      <c r="AE440" s="307">
        <v>8</v>
      </c>
      <c r="AF440" s="308"/>
      <c r="AG440" s="309"/>
    </row>
    <row r="441" spans="1:33" s="48" customFormat="1" ht="15" customHeight="1" x14ac:dyDescent="0.15">
      <c r="A441" s="91"/>
      <c r="B441" s="126" t="s">
        <v>421</v>
      </c>
      <c r="C441" s="126"/>
      <c r="D441" s="126"/>
      <c r="E441" s="126"/>
      <c r="F441" s="126"/>
      <c r="G441" s="126"/>
      <c r="H441" s="126"/>
      <c r="I441" s="126"/>
      <c r="J441" s="126"/>
      <c r="K441" s="126"/>
      <c r="L441" s="126"/>
      <c r="M441" s="126"/>
      <c r="N441" s="127"/>
      <c r="O441" s="130">
        <v>66</v>
      </c>
      <c r="P441" s="131"/>
      <c r="Q441" s="132"/>
      <c r="R441" s="900" t="s">
        <v>239</v>
      </c>
      <c r="S441" s="292"/>
      <c r="T441" s="292"/>
      <c r="U441" s="292"/>
      <c r="V441" s="292"/>
      <c r="W441" s="292"/>
      <c r="X441" s="292"/>
      <c r="Y441" s="292"/>
      <c r="Z441" s="292"/>
      <c r="AA441" s="292"/>
      <c r="AB441" s="292"/>
      <c r="AC441" s="292"/>
      <c r="AD441" s="293"/>
      <c r="AE441" s="307">
        <v>62</v>
      </c>
      <c r="AF441" s="308"/>
      <c r="AG441" s="309"/>
    </row>
    <row r="442" spans="1:33" s="48" customFormat="1" ht="15" customHeight="1" x14ac:dyDescent="0.15">
      <c r="A442" s="91"/>
      <c r="B442" s="126" t="s">
        <v>422</v>
      </c>
      <c r="C442" s="126"/>
      <c r="D442" s="126"/>
      <c r="E442" s="126"/>
      <c r="F442" s="126"/>
      <c r="G442" s="126"/>
      <c r="H442" s="126"/>
      <c r="I442" s="126"/>
      <c r="J442" s="126"/>
      <c r="K442" s="126"/>
      <c r="L442" s="126"/>
      <c r="M442" s="126"/>
      <c r="N442" s="127"/>
      <c r="O442" s="130">
        <v>77</v>
      </c>
      <c r="P442" s="131"/>
      <c r="Q442" s="132"/>
      <c r="R442" s="92"/>
      <c r="S442" s="126" t="s">
        <v>226</v>
      </c>
      <c r="T442" s="126"/>
      <c r="U442" s="126"/>
      <c r="V442" s="126"/>
      <c r="W442" s="126"/>
      <c r="X442" s="126"/>
      <c r="Y442" s="126"/>
      <c r="Z442" s="126"/>
      <c r="AA442" s="126"/>
      <c r="AB442" s="126"/>
      <c r="AC442" s="126"/>
      <c r="AD442" s="127"/>
      <c r="AE442" s="307">
        <v>18</v>
      </c>
      <c r="AF442" s="308"/>
      <c r="AG442" s="309"/>
    </row>
    <row r="443" spans="1:33" s="1" customFormat="1" ht="15" customHeight="1" x14ac:dyDescent="0.15">
      <c r="A443" s="91"/>
      <c r="B443" s="126" t="s">
        <v>423</v>
      </c>
      <c r="C443" s="126"/>
      <c r="D443" s="126"/>
      <c r="E443" s="126"/>
      <c r="F443" s="126"/>
      <c r="G443" s="126"/>
      <c r="H443" s="126"/>
      <c r="I443" s="126"/>
      <c r="J443" s="126"/>
      <c r="K443" s="126"/>
      <c r="L443" s="126"/>
      <c r="M443" s="126"/>
      <c r="N443" s="127"/>
      <c r="O443" s="130">
        <v>175</v>
      </c>
      <c r="P443" s="131"/>
      <c r="Q443" s="132"/>
      <c r="R443" s="92"/>
      <c r="S443" s="126" t="s">
        <v>515</v>
      </c>
      <c r="T443" s="126"/>
      <c r="U443" s="126"/>
      <c r="V443" s="126"/>
      <c r="W443" s="126"/>
      <c r="X443" s="126"/>
      <c r="Y443" s="126"/>
      <c r="Z443" s="126"/>
      <c r="AA443" s="126"/>
      <c r="AB443" s="126"/>
      <c r="AC443" s="126"/>
      <c r="AD443" s="127"/>
      <c r="AE443" s="307">
        <v>20</v>
      </c>
      <c r="AF443" s="308"/>
      <c r="AG443" s="309"/>
    </row>
    <row r="444" spans="1:33" s="1" customFormat="1" ht="15" customHeight="1" x14ac:dyDescent="0.15">
      <c r="A444" s="91"/>
      <c r="B444" s="126" t="s">
        <v>424</v>
      </c>
      <c r="C444" s="126"/>
      <c r="D444" s="126"/>
      <c r="E444" s="126"/>
      <c r="F444" s="126"/>
      <c r="G444" s="126"/>
      <c r="H444" s="126"/>
      <c r="I444" s="126"/>
      <c r="J444" s="126"/>
      <c r="K444" s="126"/>
      <c r="L444" s="126"/>
      <c r="M444" s="126"/>
      <c r="N444" s="127"/>
      <c r="O444" s="130">
        <v>31</v>
      </c>
      <c r="P444" s="131"/>
      <c r="Q444" s="132"/>
      <c r="R444" s="92"/>
      <c r="S444" s="126" t="s">
        <v>227</v>
      </c>
      <c r="T444" s="126"/>
      <c r="U444" s="126"/>
      <c r="V444" s="126"/>
      <c r="W444" s="126"/>
      <c r="X444" s="126"/>
      <c r="Y444" s="126"/>
      <c r="Z444" s="126"/>
      <c r="AA444" s="126"/>
      <c r="AB444" s="126"/>
      <c r="AC444" s="126"/>
      <c r="AD444" s="127"/>
      <c r="AE444" s="307">
        <v>15</v>
      </c>
      <c r="AF444" s="308"/>
      <c r="AG444" s="309"/>
    </row>
    <row r="445" spans="1:33" s="1" customFormat="1" ht="15" customHeight="1" x14ac:dyDescent="0.15">
      <c r="A445" s="91"/>
      <c r="B445" s="126" t="s">
        <v>425</v>
      </c>
      <c r="C445" s="126"/>
      <c r="D445" s="126"/>
      <c r="E445" s="126"/>
      <c r="F445" s="126"/>
      <c r="G445" s="126"/>
      <c r="H445" s="126"/>
      <c r="I445" s="126"/>
      <c r="J445" s="126"/>
      <c r="K445" s="126"/>
      <c r="L445" s="126"/>
      <c r="M445" s="126"/>
      <c r="N445" s="127"/>
      <c r="O445" s="130">
        <v>29</v>
      </c>
      <c r="P445" s="131"/>
      <c r="Q445" s="132"/>
      <c r="R445" s="92"/>
      <c r="S445" s="1009" t="s">
        <v>647</v>
      </c>
      <c r="T445" s="1009"/>
      <c r="U445" s="1009"/>
      <c r="V445" s="1009"/>
      <c r="W445" s="1009"/>
      <c r="X445" s="1009"/>
      <c r="Y445" s="1009"/>
      <c r="Z445" s="1009"/>
      <c r="AA445" s="1009"/>
      <c r="AB445" s="1009"/>
      <c r="AC445" s="1009"/>
      <c r="AD445" s="1010"/>
      <c r="AE445" s="307">
        <v>9</v>
      </c>
      <c r="AF445" s="308"/>
      <c r="AG445" s="309"/>
    </row>
    <row r="446" spans="1:33" s="1" customFormat="1" ht="15" customHeight="1" x14ac:dyDescent="0.15">
      <c r="A446" s="91"/>
      <c r="B446" s="126" t="s">
        <v>426</v>
      </c>
      <c r="C446" s="126"/>
      <c r="D446" s="126"/>
      <c r="E446" s="126"/>
      <c r="F446" s="126"/>
      <c r="G446" s="126"/>
      <c r="H446" s="126"/>
      <c r="I446" s="126"/>
      <c r="J446" s="126"/>
      <c r="K446" s="126"/>
      <c r="L446" s="126"/>
      <c r="M446" s="126"/>
      <c r="N446" s="127"/>
      <c r="O446" s="130">
        <v>90</v>
      </c>
      <c r="P446" s="131"/>
      <c r="Q446" s="132"/>
      <c r="R446" s="92"/>
      <c r="S446" s="126" t="s">
        <v>655</v>
      </c>
      <c r="T446" s="126"/>
      <c r="U446" s="126"/>
      <c r="V446" s="126"/>
      <c r="W446" s="126"/>
      <c r="X446" s="126"/>
      <c r="Y446" s="126"/>
      <c r="Z446" s="126"/>
      <c r="AA446" s="126"/>
      <c r="AB446" s="126"/>
      <c r="AC446" s="126"/>
      <c r="AD446" s="127"/>
      <c r="AE446" s="801" t="s">
        <v>105</v>
      </c>
      <c r="AF446" s="802"/>
      <c r="AG446" s="803"/>
    </row>
    <row r="447" spans="1:33" s="1" customFormat="1" ht="15" customHeight="1" x14ac:dyDescent="0.15">
      <c r="A447" s="91"/>
      <c r="B447" s="126" t="s">
        <v>427</v>
      </c>
      <c r="C447" s="126"/>
      <c r="D447" s="126"/>
      <c r="E447" s="126"/>
      <c r="F447" s="126"/>
      <c r="G447" s="126"/>
      <c r="H447" s="126"/>
      <c r="I447" s="126"/>
      <c r="J447" s="126"/>
      <c r="K447" s="126"/>
      <c r="L447" s="126"/>
      <c r="M447" s="126"/>
      <c r="N447" s="127"/>
      <c r="O447" s="130">
        <v>101</v>
      </c>
      <c r="P447" s="131"/>
      <c r="Q447" s="132"/>
      <c r="R447" s="900" t="s">
        <v>240</v>
      </c>
      <c r="S447" s="292"/>
      <c r="T447" s="292"/>
      <c r="U447" s="292"/>
      <c r="V447" s="292"/>
      <c r="W447" s="292"/>
      <c r="X447" s="292"/>
      <c r="Y447" s="292"/>
      <c r="Z447" s="292"/>
      <c r="AA447" s="292"/>
      <c r="AB447" s="292"/>
      <c r="AC447" s="292"/>
      <c r="AD447" s="293"/>
      <c r="AE447" s="307">
        <v>74</v>
      </c>
      <c r="AF447" s="308"/>
      <c r="AG447" s="309"/>
    </row>
    <row r="448" spans="1:33" s="1" customFormat="1" ht="15" customHeight="1" x14ac:dyDescent="0.15">
      <c r="A448" s="91"/>
      <c r="B448" s="126" t="s">
        <v>428</v>
      </c>
      <c r="C448" s="126"/>
      <c r="D448" s="126"/>
      <c r="E448" s="126"/>
      <c r="F448" s="126"/>
      <c r="G448" s="126"/>
      <c r="H448" s="126"/>
      <c r="I448" s="126"/>
      <c r="J448" s="126"/>
      <c r="K448" s="126"/>
      <c r="L448" s="126"/>
      <c r="M448" s="126"/>
      <c r="N448" s="127"/>
      <c r="O448" s="130">
        <v>182</v>
      </c>
      <c r="P448" s="131"/>
      <c r="Q448" s="132"/>
      <c r="S448" s="126" t="s">
        <v>125</v>
      </c>
      <c r="T448" s="126"/>
      <c r="U448" s="126"/>
      <c r="V448" s="126"/>
      <c r="W448" s="126"/>
      <c r="X448" s="126"/>
      <c r="Y448" s="126"/>
      <c r="Z448" s="126"/>
      <c r="AA448" s="126"/>
      <c r="AB448" s="126"/>
      <c r="AC448" s="126"/>
      <c r="AD448" s="127"/>
      <c r="AE448" s="801" t="s">
        <v>105</v>
      </c>
      <c r="AF448" s="802"/>
      <c r="AG448" s="803"/>
    </row>
    <row r="449" spans="1:37" s="1" customFormat="1" ht="15" customHeight="1" x14ac:dyDescent="0.15">
      <c r="A449" s="91"/>
      <c r="B449" s="126" t="s">
        <v>429</v>
      </c>
      <c r="C449" s="126"/>
      <c r="D449" s="126"/>
      <c r="E449" s="126"/>
      <c r="F449" s="126"/>
      <c r="G449" s="126"/>
      <c r="H449" s="126"/>
      <c r="I449" s="126"/>
      <c r="J449" s="126"/>
      <c r="K449" s="126"/>
      <c r="L449" s="126"/>
      <c r="M449" s="126"/>
      <c r="N449" s="127"/>
      <c r="O449" s="130">
        <v>57</v>
      </c>
      <c r="P449" s="131"/>
      <c r="Q449" s="132"/>
      <c r="R449" s="92"/>
      <c r="S449" s="126" t="s">
        <v>228</v>
      </c>
      <c r="T449" s="126"/>
      <c r="U449" s="126"/>
      <c r="V449" s="126"/>
      <c r="W449" s="126"/>
      <c r="X449" s="126"/>
      <c r="Y449" s="126"/>
      <c r="Z449" s="126"/>
      <c r="AA449" s="126"/>
      <c r="AB449" s="126"/>
      <c r="AC449" s="126"/>
      <c r="AD449" s="127"/>
      <c r="AE449" s="307">
        <v>10</v>
      </c>
      <c r="AF449" s="308"/>
      <c r="AG449" s="309"/>
    </row>
    <row r="450" spans="1:37" s="1" customFormat="1" ht="15" customHeight="1" x14ac:dyDescent="0.15">
      <c r="A450" s="91"/>
      <c r="B450" s="126" t="s">
        <v>430</v>
      </c>
      <c r="C450" s="126"/>
      <c r="D450" s="126"/>
      <c r="E450" s="126"/>
      <c r="F450" s="126"/>
      <c r="G450" s="126"/>
      <c r="H450" s="126"/>
      <c r="I450" s="126"/>
      <c r="J450" s="126"/>
      <c r="K450" s="126"/>
      <c r="L450" s="126"/>
      <c r="M450" s="126"/>
      <c r="N450" s="127"/>
      <c r="O450" s="130">
        <v>385</v>
      </c>
      <c r="P450" s="131"/>
      <c r="Q450" s="132"/>
      <c r="R450" s="92"/>
      <c r="S450" s="126" t="s">
        <v>229</v>
      </c>
      <c r="T450" s="126"/>
      <c r="U450" s="126"/>
      <c r="V450" s="126"/>
      <c r="W450" s="126"/>
      <c r="X450" s="126"/>
      <c r="Y450" s="126"/>
      <c r="Z450" s="126"/>
      <c r="AA450" s="126"/>
      <c r="AB450" s="126"/>
      <c r="AC450" s="126"/>
      <c r="AD450" s="127"/>
      <c r="AE450" s="307">
        <v>6</v>
      </c>
      <c r="AF450" s="308"/>
      <c r="AG450" s="309"/>
    </row>
    <row r="451" spans="1:37" s="1" customFormat="1" ht="15" customHeight="1" x14ac:dyDescent="0.15">
      <c r="A451" s="91"/>
      <c r="B451" s="126" t="s">
        <v>431</v>
      </c>
      <c r="C451" s="126"/>
      <c r="D451" s="126"/>
      <c r="E451" s="126"/>
      <c r="F451" s="126"/>
      <c r="G451" s="126"/>
      <c r="H451" s="126"/>
      <c r="I451" s="126"/>
      <c r="J451" s="126"/>
      <c r="K451" s="126"/>
      <c r="L451" s="126"/>
      <c r="M451" s="126"/>
      <c r="N451" s="126"/>
      <c r="O451" s="130">
        <v>11</v>
      </c>
      <c r="P451" s="131"/>
      <c r="Q451" s="132"/>
      <c r="R451" s="92"/>
      <c r="S451" s="126" t="s">
        <v>648</v>
      </c>
      <c r="T451" s="126"/>
      <c r="U451" s="126"/>
      <c r="V451" s="126"/>
      <c r="W451" s="126"/>
      <c r="X451" s="126"/>
      <c r="Y451" s="126"/>
      <c r="Z451" s="126"/>
      <c r="AA451" s="126"/>
      <c r="AB451" s="126"/>
      <c r="AC451" s="126"/>
      <c r="AD451" s="127"/>
      <c r="AE451" s="307">
        <v>10</v>
      </c>
      <c r="AF451" s="308"/>
      <c r="AG451" s="309"/>
    </row>
    <row r="452" spans="1:37" s="1" customFormat="1" ht="15" customHeight="1" x14ac:dyDescent="0.15">
      <c r="A452" s="91"/>
      <c r="B452" s="126" t="s">
        <v>432</v>
      </c>
      <c r="C452" s="126"/>
      <c r="D452" s="126"/>
      <c r="E452" s="126"/>
      <c r="F452" s="126"/>
      <c r="G452" s="126"/>
      <c r="H452" s="126"/>
      <c r="I452" s="126"/>
      <c r="J452" s="126"/>
      <c r="K452" s="126"/>
      <c r="L452" s="126"/>
      <c r="M452" s="126"/>
      <c r="N452" s="127"/>
      <c r="O452" s="130">
        <v>139</v>
      </c>
      <c r="P452" s="131"/>
      <c r="Q452" s="132"/>
      <c r="R452" s="92"/>
      <c r="S452" s="126" t="s">
        <v>456</v>
      </c>
      <c r="T452" s="126"/>
      <c r="U452" s="126"/>
      <c r="V452" s="126"/>
      <c r="W452" s="126"/>
      <c r="X452" s="126"/>
      <c r="Y452" s="126"/>
      <c r="Z452" s="126"/>
      <c r="AA452" s="126"/>
      <c r="AB452" s="126"/>
      <c r="AC452" s="126"/>
      <c r="AD452" s="127"/>
      <c r="AE452" s="307">
        <v>16</v>
      </c>
      <c r="AF452" s="308"/>
      <c r="AG452" s="309"/>
    </row>
    <row r="453" spans="1:37" s="1" customFormat="1" ht="15" customHeight="1" x14ac:dyDescent="0.15">
      <c r="A453" s="91"/>
      <c r="B453" s="126" t="s">
        <v>433</v>
      </c>
      <c r="C453" s="841"/>
      <c r="D453" s="841"/>
      <c r="E453" s="841"/>
      <c r="F453" s="841"/>
      <c r="G453" s="841"/>
      <c r="H453" s="841"/>
      <c r="I453" s="841"/>
      <c r="J453" s="841"/>
      <c r="K453" s="841"/>
      <c r="L453" s="841"/>
      <c r="M453" s="841"/>
      <c r="N453" s="842"/>
      <c r="O453" s="130">
        <v>23</v>
      </c>
      <c r="P453" s="131"/>
      <c r="Q453" s="132"/>
      <c r="R453" s="92"/>
      <c r="S453" s="126" t="s">
        <v>649</v>
      </c>
      <c r="T453" s="126"/>
      <c r="U453" s="126"/>
      <c r="V453" s="126"/>
      <c r="W453" s="126"/>
      <c r="X453" s="126"/>
      <c r="Y453" s="126"/>
      <c r="Z453" s="126"/>
      <c r="AA453" s="126"/>
      <c r="AB453" s="126"/>
      <c r="AC453" s="126"/>
      <c r="AD453" s="127"/>
      <c r="AE453" s="307">
        <v>5</v>
      </c>
      <c r="AF453" s="308"/>
      <c r="AG453" s="309"/>
    </row>
    <row r="454" spans="1:37" s="1" customFormat="1" ht="15" customHeight="1" x14ac:dyDescent="0.15">
      <c r="A454" s="91"/>
      <c r="B454" s="126" t="s">
        <v>434</v>
      </c>
      <c r="C454" s="126"/>
      <c r="D454" s="126"/>
      <c r="E454" s="126"/>
      <c r="F454" s="126"/>
      <c r="G454" s="126"/>
      <c r="H454" s="126"/>
      <c r="I454" s="126"/>
      <c r="J454" s="126"/>
      <c r="K454" s="126"/>
      <c r="L454" s="126"/>
      <c r="M454" s="126"/>
      <c r="N454" s="127"/>
      <c r="O454" s="130">
        <v>53</v>
      </c>
      <c r="P454" s="131"/>
      <c r="Q454" s="132"/>
      <c r="R454" s="93"/>
      <c r="S454" s="126" t="s">
        <v>516</v>
      </c>
      <c r="T454" s="126"/>
      <c r="U454" s="126"/>
      <c r="V454" s="126"/>
      <c r="W454" s="126"/>
      <c r="X454" s="126"/>
      <c r="Y454" s="126"/>
      <c r="Z454" s="126"/>
      <c r="AA454" s="126"/>
      <c r="AB454" s="126"/>
      <c r="AC454" s="126"/>
      <c r="AD454" s="127"/>
      <c r="AE454" s="307">
        <v>9</v>
      </c>
      <c r="AF454" s="308"/>
      <c r="AG454" s="309"/>
    </row>
    <row r="455" spans="1:37" s="1" customFormat="1" ht="15" customHeight="1" x14ac:dyDescent="0.15">
      <c r="A455" s="91"/>
      <c r="B455" s="126" t="s">
        <v>435</v>
      </c>
      <c r="C455" s="126"/>
      <c r="D455" s="126"/>
      <c r="E455" s="126"/>
      <c r="F455" s="126"/>
      <c r="G455" s="126"/>
      <c r="H455" s="126"/>
      <c r="I455" s="126"/>
      <c r="J455" s="126"/>
      <c r="K455" s="126"/>
      <c r="L455" s="126"/>
      <c r="M455" s="126"/>
      <c r="N455" s="127"/>
      <c r="O455" s="130">
        <v>29</v>
      </c>
      <c r="P455" s="131"/>
      <c r="Q455" s="132"/>
      <c r="R455" s="93"/>
      <c r="S455" s="126" t="s">
        <v>517</v>
      </c>
      <c r="T455" s="126"/>
      <c r="U455" s="126"/>
      <c r="V455" s="126"/>
      <c r="W455" s="126"/>
      <c r="X455" s="126"/>
      <c r="Y455" s="126"/>
      <c r="Z455" s="126"/>
      <c r="AA455" s="126"/>
      <c r="AB455" s="126"/>
      <c r="AC455" s="126"/>
      <c r="AD455" s="127"/>
      <c r="AE455" s="801" t="s">
        <v>105</v>
      </c>
      <c r="AF455" s="802"/>
      <c r="AG455" s="803"/>
    </row>
    <row r="456" spans="1:37" s="1" customFormat="1" ht="15" customHeight="1" x14ac:dyDescent="0.15">
      <c r="A456" s="91"/>
      <c r="B456" s="126" t="s">
        <v>436</v>
      </c>
      <c r="C456" s="126"/>
      <c r="D456" s="126"/>
      <c r="E456" s="126"/>
      <c r="F456" s="126"/>
      <c r="G456" s="126"/>
      <c r="H456" s="126"/>
      <c r="I456" s="126"/>
      <c r="J456" s="126"/>
      <c r="K456" s="126"/>
      <c r="L456" s="126"/>
      <c r="M456" s="126"/>
      <c r="N456" s="127"/>
      <c r="O456" s="130">
        <v>28</v>
      </c>
      <c r="P456" s="131"/>
      <c r="Q456" s="132"/>
      <c r="R456" s="94"/>
      <c r="S456" s="126" t="s">
        <v>593</v>
      </c>
      <c r="T456" s="126"/>
      <c r="U456" s="126"/>
      <c r="V456" s="126"/>
      <c r="W456" s="126"/>
      <c r="X456" s="126"/>
      <c r="Y456" s="126"/>
      <c r="Z456" s="126"/>
      <c r="AA456" s="126"/>
      <c r="AB456" s="126"/>
      <c r="AC456" s="126"/>
      <c r="AD456" s="127"/>
      <c r="AE456" s="307">
        <v>10</v>
      </c>
      <c r="AF456" s="308"/>
      <c r="AG456" s="309"/>
      <c r="AK456" s="64"/>
    </row>
    <row r="457" spans="1:37" s="1" customFormat="1" ht="15" customHeight="1" x14ac:dyDescent="0.15">
      <c r="A457" s="91"/>
      <c r="B457" s="126" t="s">
        <v>485</v>
      </c>
      <c r="C457" s="126"/>
      <c r="D457" s="126"/>
      <c r="E457" s="126"/>
      <c r="F457" s="126"/>
      <c r="G457" s="126"/>
      <c r="H457" s="126"/>
      <c r="I457" s="126"/>
      <c r="J457" s="126"/>
      <c r="K457" s="126"/>
      <c r="L457" s="126"/>
      <c r="M457" s="126"/>
      <c r="N457" s="127"/>
      <c r="O457" s="130">
        <v>23</v>
      </c>
      <c r="P457" s="131"/>
      <c r="Q457" s="132"/>
      <c r="R457" s="92"/>
      <c r="S457" s="126" t="s">
        <v>653</v>
      </c>
      <c r="T457" s="126"/>
      <c r="U457" s="126"/>
      <c r="V457" s="126"/>
      <c r="W457" s="126"/>
      <c r="X457" s="126"/>
      <c r="Y457" s="126"/>
      <c r="Z457" s="126"/>
      <c r="AA457" s="126"/>
      <c r="AB457" s="126"/>
      <c r="AC457" s="126"/>
      <c r="AD457" s="127"/>
      <c r="AE457" s="307">
        <v>4</v>
      </c>
      <c r="AF457" s="308"/>
      <c r="AG457" s="309"/>
    </row>
    <row r="458" spans="1:37" s="1" customFormat="1" ht="15" customHeight="1" x14ac:dyDescent="0.15">
      <c r="A458" s="91"/>
      <c r="B458" s="126" t="s">
        <v>592</v>
      </c>
      <c r="C458" s="126"/>
      <c r="D458" s="126"/>
      <c r="E458" s="126"/>
      <c r="F458" s="126"/>
      <c r="G458" s="126"/>
      <c r="H458" s="126"/>
      <c r="I458" s="126"/>
      <c r="J458" s="126"/>
      <c r="K458" s="126"/>
      <c r="L458" s="126"/>
      <c r="M458" s="126"/>
      <c r="N458" s="127"/>
      <c r="O458" s="130">
        <v>24</v>
      </c>
      <c r="P458" s="131"/>
      <c r="Q458" s="132"/>
      <c r="R458" s="92"/>
      <c r="S458" s="126" t="s">
        <v>654</v>
      </c>
      <c r="T458" s="126"/>
      <c r="U458" s="126"/>
      <c r="V458" s="126"/>
      <c r="W458" s="126"/>
      <c r="X458" s="126"/>
      <c r="Y458" s="126"/>
      <c r="Z458" s="126"/>
      <c r="AA458" s="126"/>
      <c r="AB458" s="126"/>
      <c r="AC458" s="126"/>
      <c r="AD458" s="126"/>
      <c r="AE458" s="130">
        <v>4</v>
      </c>
      <c r="AF458" s="131"/>
      <c r="AG458" s="310"/>
    </row>
    <row r="459" spans="1:37" s="1" customFormat="1" ht="15" customHeight="1" x14ac:dyDescent="0.15">
      <c r="A459" s="91"/>
      <c r="B459" s="126" t="s">
        <v>437</v>
      </c>
      <c r="C459" s="126"/>
      <c r="D459" s="126"/>
      <c r="E459" s="126"/>
      <c r="F459" s="126"/>
      <c r="G459" s="126"/>
      <c r="H459" s="126"/>
      <c r="I459" s="126"/>
      <c r="J459" s="126"/>
      <c r="K459" s="126"/>
      <c r="L459" s="126"/>
      <c r="M459" s="126"/>
      <c r="N459" s="127"/>
      <c r="O459" s="130">
        <v>24</v>
      </c>
      <c r="P459" s="131"/>
      <c r="Q459" s="132"/>
      <c r="R459" s="115"/>
      <c r="S459" s="291" t="s">
        <v>126</v>
      </c>
      <c r="T459" s="291"/>
      <c r="U459" s="291"/>
      <c r="V459" s="291"/>
      <c r="W459" s="291"/>
      <c r="X459" s="291"/>
      <c r="Y459" s="291"/>
      <c r="Z459" s="291"/>
      <c r="AA459" s="291"/>
      <c r="AB459" s="291"/>
      <c r="AC459" s="291"/>
      <c r="AD459" s="291"/>
      <c r="AE459" s="311">
        <v>387</v>
      </c>
      <c r="AF459" s="312"/>
      <c r="AG459" s="313"/>
    </row>
    <row r="460" spans="1:37" s="36" customFormat="1" ht="15" customHeight="1" x14ac:dyDescent="0.15">
      <c r="A460" s="302" t="s">
        <v>438</v>
      </c>
      <c r="B460" s="292"/>
      <c r="C460" s="292"/>
      <c r="D460" s="292"/>
      <c r="E460" s="292"/>
      <c r="F460" s="292"/>
      <c r="G460" s="292"/>
      <c r="H460" s="292"/>
      <c r="I460" s="292"/>
      <c r="J460" s="292"/>
      <c r="K460" s="292"/>
      <c r="L460" s="292"/>
      <c r="M460" s="292"/>
      <c r="N460" s="293"/>
      <c r="O460" s="130">
        <v>31</v>
      </c>
      <c r="P460" s="131"/>
      <c r="Q460" s="132"/>
      <c r="R460" s="92"/>
      <c r="S460" s="126" t="s">
        <v>127</v>
      </c>
      <c r="T460" s="126"/>
      <c r="U460" s="126"/>
      <c r="V460" s="126"/>
      <c r="W460" s="126"/>
      <c r="X460" s="126"/>
      <c r="Y460" s="126"/>
      <c r="Z460" s="126"/>
      <c r="AA460" s="126"/>
      <c r="AB460" s="126"/>
      <c r="AC460" s="126"/>
      <c r="AD460" s="126"/>
      <c r="AE460" s="130">
        <v>294</v>
      </c>
      <c r="AF460" s="131"/>
      <c r="AG460" s="310"/>
    </row>
    <row r="461" spans="1:37" s="1" customFormat="1" ht="15" customHeight="1" x14ac:dyDescent="0.15">
      <c r="A461" s="302" t="s">
        <v>439</v>
      </c>
      <c r="B461" s="292"/>
      <c r="C461" s="292"/>
      <c r="D461" s="292"/>
      <c r="E461" s="292"/>
      <c r="F461" s="292"/>
      <c r="G461" s="292"/>
      <c r="H461" s="292"/>
      <c r="I461" s="292"/>
      <c r="J461" s="292"/>
      <c r="K461" s="292"/>
      <c r="L461" s="292"/>
      <c r="M461" s="292"/>
      <c r="N461" s="293"/>
      <c r="O461" s="130">
        <v>49</v>
      </c>
      <c r="P461" s="131"/>
      <c r="Q461" s="132"/>
      <c r="R461" s="92"/>
      <c r="S461" s="126" t="s">
        <v>128</v>
      </c>
      <c r="T461" s="126"/>
      <c r="U461" s="126"/>
      <c r="V461" s="126"/>
      <c r="W461" s="126"/>
      <c r="X461" s="126"/>
      <c r="Y461" s="126"/>
      <c r="Z461" s="126"/>
      <c r="AA461" s="126"/>
      <c r="AB461" s="126"/>
      <c r="AC461" s="126"/>
      <c r="AD461" s="126"/>
      <c r="AE461" s="130">
        <v>405</v>
      </c>
      <c r="AF461" s="131"/>
      <c r="AG461" s="310"/>
    </row>
    <row r="462" spans="1:37" s="1" customFormat="1" ht="15" customHeight="1" x14ac:dyDescent="0.15">
      <c r="A462" s="815" t="s">
        <v>440</v>
      </c>
      <c r="B462" s="816"/>
      <c r="C462" s="816"/>
      <c r="D462" s="816"/>
      <c r="E462" s="816"/>
      <c r="F462" s="816"/>
      <c r="G462" s="816"/>
      <c r="H462" s="816"/>
      <c r="I462" s="816"/>
      <c r="J462" s="816"/>
      <c r="K462" s="816"/>
      <c r="L462" s="816"/>
      <c r="M462" s="816"/>
      <c r="N462" s="817"/>
      <c r="O462" s="326">
        <v>234</v>
      </c>
      <c r="P462" s="327"/>
      <c r="Q462" s="328"/>
      <c r="R462" s="92"/>
      <c r="AE462" s="64"/>
      <c r="AG462" s="112"/>
    </row>
    <row r="463" spans="1:37" s="1" customFormat="1" ht="15" customHeight="1" x14ac:dyDescent="0.15">
      <c r="A463" s="848" t="s">
        <v>441</v>
      </c>
      <c r="B463" s="849"/>
      <c r="C463" s="849"/>
      <c r="D463" s="849"/>
      <c r="E463" s="849"/>
      <c r="F463" s="849"/>
      <c r="G463" s="849"/>
      <c r="H463" s="849"/>
      <c r="I463" s="849"/>
      <c r="J463" s="849"/>
      <c r="K463" s="849"/>
      <c r="L463" s="849"/>
      <c r="M463" s="849"/>
      <c r="N463" s="850"/>
      <c r="O463" s="825">
        <v>427</v>
      </c>
      <c r="P463" s="826"/>
      <c r="Q463" s="827"/>
      <c r="R463" s="92"/>
      <c r="AE463" s="64"/>
      <c r="AG463" s="112"/>
    </row>
    <row r="464" spans="1:37" s="34" customFormat="1" ht="15" customHeight="1" x14ac:dyDescent="0.15">
      <c r="A464" s="96"/>
      <c r="B464" s="292" t="s">
        <v>442</v>
      </c>
      <c r="C464" s="292"/>
      <c r="D464" s="292"/>
      <c r="E464" s="292"/>
      <c r="F464" s="292"/>
      <c r="G464" s="292"/>
      <c r="H464" s="292"/>
      <c r="I464" s="292"/>
      <c r="J464" s="292"/>
      <c r="K464" s="292"/>
      <c r="L464" s="292"/>
      <c r="M464" s="292"/>
      <c r="N464" s="293"/>
      <c r="O464" s="130">
        <v>223</v>
      </c>
      <c r="P464" s="131"/>
      <c r="Q464" s="132"/>
      <c r="R464" s="92"/>
      <c r="AE464" s="113"/>
      <c r="AG464" s="114"/>
    </row>
    <row r="465" spans="1:45" s="34" customFormat="1" ht="15" customHeight="1" x14ac:dyDescent="0.15">
      <c r="A465" s="96"/>
      <c r="B465" s="90"/>
      <c r="C465" s="126" t="s">
        <v>443</v>
      </c>
      <c r="D465" s="126"/>
      <c r="E465" s="126"/>
      <c r="F465" s="126"/>
      <c r="G465" s="126"/>
      <c r="H465" s="126"/>
      <c r="I465" s="126"/>
      <c r="J465" s="126"/>
      <c r="K465" s="126"/>
      <c r="L465" s="126"/>
      <c r="M465" s="126"/>
      <c r="N465" s="127"/>
      <c r="O465" s="130">
        <v>11</v>
      </c>
      <c r="P465" s="131"/>
      <c r="Q465" s="132"/>
      <c r="R465" s="92"/>
      <c r="S465" s="284"/>
      <c r="T465" s="284"/>
      <c r="U465" s="284"/>
      <c r="V465" s="284"/>
      <c r="W465" s="284"/>
      <c r="X465" s="284"/>
      <c r="Y465" s="284"/>
      <c r="Z465" s="284"/>
      <c r="AA465" s="284"/>
      <c r="AB465" s="284"/>
      <c r="AC465" s="284"/>
      <c r="AD465" s="284"/>
      <c r="AE465" s="314"/>
      <c r="AF465" s="298"/>
      <c r="AG465" s="299"/>
    </row>
    <row r="466" spans="1:45" s="1" customFormat="1" ht="15" customHeight="1" x14ac:dyDescent="0.15">
      <c r="A466" s="96"/>
      <c r="B466" s="90"/>
      <c r="C466" s="126" t="s">
        <v>650</v>
      </c>
      <c r="D466" s="126"/>
      <c r="E466" s="126"/>
      <c r="F466" s="126"/>
      <c r="G466" s="126"/>
      <c r="H466" s="126"/>
      <c r="I466" s="126"/>
      <c r="J466" s="126"/>
      <c r="K466" s="126"/>
      <c r="L466" s="126"/>
      <c r="M466" s="126"/>
      <c r="N466" s="127"/>
      <c r="O466" s="130">
        <v>7</v>
      </c>
      <c r="P466" s="131"/>
      <c r="Q466" s="132"/>
      <c r="R466" s="92"/>
      <c r="S466" s="97"/>
      <c r="T466" s="97"/>
      <c r="U466" s="97"/>
      <c r="V466" s="97"/>
      <c r="W466" s="97"/>
      <c r="X466" s="97"/>
      <c r="Y466" s="97"/>
      <c r="Z466" s="97"/>
      <c r="AA466" s="97"/>
      <c r="AB466" s="97"/>
      <c r="AC466" s="97"/>
      <c r="AD466" s="97"/>
      <c r="AE466" s="111"/>
      <c r="AF466" s="83"/>
      <c r="AG466" s="95"/>
    </row>
    <row r="467" spans="1:45" s="1" customFormat="1" ht="15" customHeight="1" x14ac:dyDescent="0.15">
      <c r="A467" s="96"/>
      <c r="B467" s="90"/>
      <c r="C467" s="126" t="s">
        <v>444</v>
      </c>
      <c r="D467" s="126"/>
      <c r="E467" s="126"/>
      <c r="F467" s="126"/>
      <c r="G467" s="126"/>
      <c r="H467" s="126"/>
      <c r="I467" s="126"/>
      <c r="J467" s="126"/>
      <c r="K467" s="126"/>
      <c r="L467" s="126"/>
      <c r="M467" s="126"/>
      <c r="N467" s="127"/>
      <c r="O467" s="130">
        <v>18</v>
      </c>
      <c r="P467" s="131"/>
      <c r="Q467" s="132"/>
      <c r="R467" s="92"/>
      <c r="S467" s="284"/>
      <c r="T467" s="284"/>
      <c r="U467" s="284"/>
      <c r="V467" s="284"/>
      <c r="W467" s="284"/>
      <c r="X467" s="284"/>
      <c r="Y467" s="284"/>
      <c r="Z467" s="284"/>
      <c r="AA467" s="284"/>
      <c r="AB467" s="284"/>
      <c r="AC467" s="284"/>
      <c r="AD467" s="285"/>
      <c r="AE467" s="83"/>
      <c r="AF467" s="83"/>
      <c r="AG467" s="95"/>
    </row>
    <row r="468" spans="1:45" s="1" customFormat="1" ht="15" customHeight="1" x14ac:dyDescent="0.15">
      <c r="A468" s="96"/>
      <c r="B468" s="90"/>
      <c r="C468" s="126" t="s">
        <v>445</v>
      </c>
      <c r="D468" s="126"/>
      <c r="E468" s="126"/>
      <c r="F468" s="126"/>
      <c r="G468" s="126"/>
      <c r="H468" s="126"/>
      <c r="I468" s="126"/>
      <c r="J468" s="126"/>
      <c r="K468" s="126"/>
      <c r="L468" s="126"/>
      <c r="M468" s="126"/>
      <c r="N468" s="127"/>
      <c r="O468" s="130">
        <v>70</v>
      </c>
      <c r="P468" s="131"/>
      <c r="Q468" s="132"/>
      <c r="R468" s="92"/>
      <c r="S468" s="284"/>
      <c r="T468" s="284"/>
      <c r="U468" s="284"/>
      <c r="V468" s="284"/>
      <c r="W468" s="284"/>
      <c r="X468" s="284"/>
      <c r="Y468" s="284"/>
      <c r="Z468" s="284"/>
      <c r="AA468" s="284"/>
      <c r="AB468" s="284"/>
      <c r="AC468" s="284"/>
      <c r="AD468" s="285"/>
      <c r="AE468" s="83"/>
      <c r="AF468" s="83"/>
      <c r="AG468" s="95"/>
    </row>
    <row r="469" spans="1:45" s="36" customFormat="1" ht="15" customHeight="1" x14ac:dyDescent="0.15">
      <c r="A469" s="96"/>
      <c r="B469" s="90"/>
      <c r="C469" s="126" t="s">
        <v>446</v>
      </c>
      <c r="D469" s="126"/>
      <c r="E469" s="126"/>
      <c r="F469" s="126"/>
      <c r="G469" s="126"/>
      <c r="H469" s="126"/>
      <c r="I469" s="126"/>
      <c r="J469" s="126"/>
      <c r="K469" s="126"/>
      <c r="L469" s="126"/>
      <c r="M469" s="126"/>
      <c r="N469" s="127"/>
      <c r="O469" s="130">
        <v>14</v>
      </c>
      <c r="P469" s="131"/>
      <c r="Q469" s="132"/>
      <c r="R469" s="92"/>
      <c r="S469" s="97"/>
      <c r="T469" s="97"/>
      <c r="U469" s="97"/>
      <c r="V469" s="97"/>
      <c r="W469" s="97"/>
      <c r="X469" s="97"/>
      <c r="Y469" s="97"/>
      <c r="Z469" s="97"/>
      <c r="AA469" s="97"/>
      <c r="AB469" s="97"/>
      <c r="AC469" s="97"/>
      <c r="AD469" s="98"/>
      <c r="AE469" s="83"/>
      <c r="AF469" s="83"/>
      <c r="AG469" s="95"/>
    </row>
    <row r="470" spans="1:45" s="1" customFormat="1" ht="15" customHeight="1" x14ac:dyDescent="0.15">
      <c r="A470" s="96"/>
      <c r="B470" s="90"/>
      <c r="C470" s="126" t="s">
        <v>447</v>
      </c>
      <c r="D470" s="126"/>
      <c r="E470" s="126"/>
      <c r="F470" s="126"/>
      <c r="G470" s="126"/>
      <c r="H470" s="126"/>
      <c r="I470" s="126"/>
      <c r="J470" s="126"/>
      <c r="K470" s="126"/>
      <c r="L470" s="126"/>
      <c r="M470" s="126"/>
      <c r="N470" s="127"/>
      <c r="O470" s="130">
        <v>14</v>
      </c>
      <c r="P470" s="131"/>
      <c r="Q470" s="132"/>
      <c r="R470" s="92"/>
      <c r="S470" s="97"/>
      <c r="T470" s="97"/>
      <c r="U470" s="97"/>
      <c r="V470" s="97"/>
      <c r="W470" s="97"/>
      <c r="X470" s="97"/>
      <c r="Y470" s="97"/>
      <c r="Z470" s="97"/>
      <c r="AA470" s="97"/>
      <c r="AB470" s="97"/>
      <c r="AC470" s="97"/>
      <c r="AD470" s="98"/>
      <c r="AE470" s="83"/>
      <c r="AF470" s="83"/>
      <c r="AG470" s="95"/>
    </row>
    <row r="471" spans="1:45" s="1" customFormat="1" ht="15" customHeight="1" x14ac:dyDescent="0.15">
      <c r="A471" s="96"/>
      <c r="B471" s="90"/>
      <c r="C471" s="126" t="s">
        <v>651</v>
      </c>
      <c r="D471" s="126"/>
      <c r="E471" s="126"/>
      <c r="F471" s="126"/>
      <c r="G471" s="126"/>
      <c r="H471" s="126"/>
      <c r="I471" s="126"/>
      <c r="J471" s="126"/>
      <c r="K471" s="126"/>
      <c r="L471" s="126"/>
      <c r="M471" s="126"/>
      <c r="N471" s="127"/>
      <c r="O471" s="130">
        <v>45</v>
      </c>
      <c r="P471" s="131"/>
      <c r="Q471" s="132"/>
      <c r="R471" s="92"/>
      <c r="S471" s="97"/>
      <c r="T471" s="97"/>
      <c r="U471" s="97"/>
      <c r="V471" s="97"/>
      <c r="W471" s="97"/>
      <c r="X471" s="97"/>
      <c r="Y471" s="97"/>
      <c r="Z471" s="97"/>
      <c r="AA471" s="97"/>
      <c r="AB471" s="97"/>
      <c r="AC471" s="97"/>
      <c r="AD471" s="98"/>
      <c r="AE471" s="83"/>
      <c r="AF471" s="83"/>
      <c r="AG471" s="95"/>
      <c r="AK471" s="899"/>
      <c r="AL471" s="899"/>
      <c r="AM471" s="899"/>
      <c r="AN471" s="899"/>
      <c r="AO471" s="899"/>
      <c r="AP471" s="899"/>
      <c r="AQ471" s="899"/>
      <c r="AR471" s="899"/>
      <c r="AS471" s="899"/>
    </row>
    <row r="472" spans="1:45" s="34" customFormat="1" ht="15" customHeight="1" x14ac:dyDescent="0.15">
      <c r="A472" s="96"/>
      <c r="B472" s="90"/>
      <c r="C472" s="126" t="s">
        <v>448</v>
      </c>
      <c r="D472" s="126"/>
      <c r="E472" s="126"/>
      <c r="F472" s="126"/>
      <c r="G472" s="126"/>
      <c r="H472" s="126"/>
      <c r="I472" s="126"/>
      <c r="J472" s="126"/>
      <c r="K472" s="126"/>
      <c r="L472" s="126"/>
      <c r="M472" s="126"/>
      <c r="N472" s="127"/>
      <c r="O472" s="130">
        <v>28</v>
      </c>
      <c r="P472" s="131"/>
      <c r="Q472" s="132"/>
      <c r="R472" s="92"/>
      <c r="S472" s="97"/>
      <c r="T472" s="97"/>
      <c r="U472" s="97"/>
      <c r="V472" s="97"/>
      <c r="W472" s="97"/>
      <c r="X472" s="97"/>
      <c r="Y472" s="97"/>
      <c r="Z472" s="97"/>
      <c r="AA472" s="97"/>
      <c r="AB472" s="97"/>
      <c r="AC472" s="97"/>
      <c r="AD472" s="98"/>
      <c r="AE472" s="83"/>
      <c r="AF472" s="83"/>
      <c r="AG472" s="95"/>
    </row>
    <row r="473" spans="1:45" s="1" customFormat="1" ht="15" customHeight="1" x14ac:dyDescent="0.15">
      <c r="A473" s="96"/>
      <c r="B473" s="99"/>
      <c r="C473" s="126" t="s">
        <v>449</v>
      </c>
      <c r="D473" s="126"/>
      <c r="E473" s="126"/>
      <c r="F473" s="126"/>
      <c r="G473" s="126"/>
      <c r="H473" s="126"/>
      <c r="I473" s="126"/>
      <c r="J473" s="126"/>
      <c r="K473" s="126"/>
      <c r="L473" s="126"/>
      <c r="M473" s="126"/>
      <c r="N473" s="127"/>
      <c r="O473" s="130">
        <v>10</v>
      </c>
      <c r="P473" s="131"/>
      <c r="Q473" s="132"/>
      <c r="R473" s="92"/>
      <c r="S473" s="97"/>
      <c r="T473" s="97"/>
      <c r="U473" s="97"/>
      <c r="V473" s="97"/>
      <c r="W473" s="97"/>
      <c r="X473" s="97"/>
      <c r="Y473" s="97"/>
      <c r="Z473" s="97"/>
      <c r="AA473" s="97"/>
      <c r="AB473" s="97"/>
      <c r="AC473" s="97"/>
      <c r="AD473" s="98"/>
      <c r="AE473" s="83"/>
      <c r="AF473" s="83"/>
      <c r="AG473" s="95"/>
    </row>
    <row r="474" spans="1:45" s="1" customFormat="1" ht="15" customHeight="1" x14ac:dyDescent="0.15">
      <c r="A474" s="96"/>
      <c r="B474" s="99"/>
      <c r="C474" s="126" t="s">
        <v>455</v>
      </c>
      <c r="D474" s="126"/>
      <c r="E474" s="126"/>
      <c r="F474" s="126"/>
      <c r="G474" s="126"/>
      <c r="H474" s="126"/>
      <c r="I474" s="126"/>
      <c r="J474" s="126"/>
      <c r="K474" s="126"/>
      <c r="L474" s="126"/>
      <c r="M474" s="126"/>
      <c r="N474" s="127"/>
      <c r="O474" s="130">
        <v>6</v>
      </c>
      <c r="P474" s="131"/>
      <c r="Q474" s="132"/>
      <c r="R474" s="92"/>
      <c r="S474" s="97"/>
      <c r="T474" s="97"/>
      <c r="U474" s="97"/>
      <c r="V474" s="97"/>
      <c r="W474" s="97"/>
      <c r="X474" s="97"/>
      <c r="Y474" s="97"/>
      <c r="Z474" s="97"/>
      <c r="AA474" s="97"/>
      <c r="AB474" s="97"/>
      <c r="AC474" s="97"/>
      <c r="AD474" s="98"/>
      <c r="AE474" s="83"/>
      <c r="AF474" s="83"/>
      <c r="AG474" s="95"/>
    </row>
    <row r="475" spans="1:45" s="1" customFormat="1" ht="15" customHeight="1" x14ac:dyDescent="0.15">
      <c r="A475" s="96"/>
      <c r="B475" s="292" t="s">
        <v>450</v>
      </c>
      <c r="C475" s="292"/>
      <c r="D475" s="292"/>
      <c r="E475" s="292"/>
      <c r="F475" s="292"/>
      <c r="G475" s="292"/>
      <c r="H475" s="292"/>
      <c r="I475" s="292"/>
      <c r="J475" s="292"/>
      <c r="K475" s="292"/>
      <c r="L475" s="292"/>
      <c r="M475" s="292"/>
      <c r="N475" s="293"/>
      <c r="O475" s="130">
        <v>26</v>
      </c>
      <c r="P475" s="131"/>
      <c r="Q475" s="132"/>
      <c r="R475" s="92"/>
      <c r="S475" s="97"/>
      <c r="T475" s="97"/>
      <c r="U475" s="97"/>
      <c r="V475" s="97"/>
      <c r="W475" s="97"/>
      <c r="X475" s="97"/>
      <c r="Y475" s="97"/>
      <c r="Z475" s="97"/>
      <c r="AA475" s="97"/>
      <c r="AB475" s="97"/>
      <c r="AC475" s="97"/>
      <c r="AD475" s="98"/>
      <c r="AE475" s="83"/>
      <c r="AF475" s="83"/>
      <c r="AG475" s="95"/>
    </row>
    <row r="476" spans="1:45" s="1" customFormat="1" ht="15" customHeight="1" x14ac:dyDescent="0.15">
      <c r="A476" s="96"/>
      <c r="B476" s="100"/>
      <c r="C476" s="126" t="s">
        <v>451</v>
      </c>
      <c r="D476" s="126"/>
      <c r="E476" s="126"/>
      <c r="F476" s="126"/>
      <c r="G476" s="126"/>
      <c r="H476" s="126"/>
      <c r="I476" s="126"/>
      <c r="J476" s="126"/>
      <c r="K476" s="126"/>
      <c r="L476" s="126"/>
      <c r="M476" s="126"/>
      <c r="N476" s="127"/>
      <c r="O476" s="130">
        <v>16</v>
      </c>
      <c r="P476" s="131"/>
      <c r="Q476" s="132"/>
      <c r="R476" s="92"/>
      <c r="S476" s="97"/>
      <c r="T476" s="97"/>
      <c r="U476" s="97"/>
      <c r="V476" s="97"/>
      <c r="W476" s="97"/>
      <c r="X476" s="97"/>
      <c r="Y476" s="97"/>
      <c r="Z476" s="97"/>
      <c r="AA476" s="97"/>
      <c r="AB476" s="97"/>
      <c r="AC476" s="97"/>
      <c r="AD476" s="98"/>
      <c r="AE476" s="298"/>
      <c r="AF476" s="298"/>
      <c r="AG476" s="299"/>
    </row>
    <row r="477" spans="1:45" s="1" customFormat="1" ht="15" customHeight="1" x14ac:dyDescent="0.15">
      <c r="A477" s="96"/>
      <c r="B477" s="97"/>
      <c r="C477" s="126" t="s">
        <v>452</v>
      </c>
      <c r="D477" s="126"/>
      <c r="E477" s="126"/>
      <c r="F477" s="126"/>
      <c r="G477" s="126"/>
      <c r="H477" s="126"/>
      <c r="I477" s="126"/>
      <c r="J477" s="126"/>
      <c r="K477" s="126"/>
      <c r="L477" s="126"/>
      <c r="M477" s="126"/>
      <c r="N477" s="127"/>
      <c r="O477" s="822">
        <v>5</v>
      </c>
      <c r="P477" s="823"/>
      <c r="Q477" s="824"/>
      <c r="R477" s="92"/>
      <c r="S477" s="284"/>
      <c r="T477" s="284"/>
      <c r="U477" s="284"/>
      <c r="V477" s="284"/>
      <c r="W477" s="284"/>
      <c r="X477" s="284"/>
      <c r="Y477" s="284"/>
      <c r="Z477" s="284"/>
      <c r="AA477" s="284"/>
      <c r="AB477" s="284"/>
      <c r="AC477" s="284"/>
      <c r="AD477" s="285"/>
      <c r="AE477" s="83"/>
      <c r="AF477" s="83"/>
      <c r="AG477" s="95"/>
    </row>
    <row r="478" spans="1:45" s="1" customFormat="1" ht="15" customHeight="1" x14ac:dyDescent="0.15">
      <c r="A478" s="96"/>
      <c r="B478" s="97"/>
      <c r="C478" s="126" t="s">
        <v>511</v>
      </c>
      <c r="D478" s="126"/>
      <c r="E478" s="126"/>
      <c r="F478" s="126"/>
      <c r="G478" s="126"/>
      <c r="H478" s="126"/>
      <c r="I478" s="126"/>
      <c r="J478" s="126"/>
      <c r="K478" s="126"/>
      <c r="L478" s="126"/>
      <c r="M478" s="126"/>
      <c r="N478" s="127"/>
      <c r="O478" s="845">
        <v>5</v>
      </c>
      <c r="P478" s="846"/>
      <c r="Q478" s="847"/>
      <c r="R478" s="92"/>
      <c r="S478" s="97"/>
      <c r="T478" s="97"/>
      <c r="U478" s="97"/>
      <c r="V478" s="97"/>
      <c r="W478" s="97"/>
      <c r="X478" s="97"/>
      <c r="Y478" s="97"/>
      <c r="Z478" s="97"/>
      <c r="AA478" s="97"/>
      <c r="AB478" s="97"/>
      <c r="AC478" s="97"/>
      <c r="AD478" s="98"/>
      <c r="AE478" s="298"/>
      <c r="AF478" s="298"/>
      <c r="AG478" s="299"/>
    </row>
    <row r="479" spans="1:45" s="1" customFormat="1" ht="15" customHeight="1" x14ac:dyDescent="0.15">
      <c r="A479" s="96"/>
      <c r="B479" s="292" t="s">
        <v>453</v>
      </c>
      <c r="C479" s="292"/>
      <c r="D479" s="292"/>
      <c r="E479" s="292"/>
      <c r="F479" s="292"/>
      <c r="G479" s="292"/>
      <c r="H479" s="292"/>
      <c r="I479" s="292"/>
      <c r="J479" s="292"/>
      <c r="K479" s="292"/>
      <c r="L479" s="292"/>
      <c r="M479" s="292"/>
      <c r="N479" s="293"/>
      <c r="O479" s="130">
        <v>15</v>
      </c>
      <c r="P479" s="131"/>
      <c r="Q479" s="132"/>
      <c r="R479" s="92"/>
      <c r="S479" s="97"/>
      <c r="T479" s="97"/>
      <c r="U479" s="97"/>
      <c r="V479" s="97"/>
      <c r="W479" s="97"/>
      <c r="X479" s="97"/>
      <c r="Y479" s="97"/>
      <c r="Z479" s="97"/>
      <c r="AA479" s="97"/>
      <c r="AB479" s="97"/>
      <c r="AC479" s="97"/>
      <c r="AD479" s="98"/>
      <c r="AE479" s="298"/>
      <c r="AF479" s="298"/>
      <c r="AG479" s="299"/>
    </row>
    <row r="480" spans="1:45" s="1" customFormat="1" ht="15" customHeight="1" x14ac:dyDescent="0.15">
      <c r="A480" s="96"/>
      <c r="B480" s="110"/>
      <c r="C480" s="126" t="s">
        <v>454</v>
      </c>
      <c r="D480" s="126"/>
      <c r="E480" s="126"/>
      <c r="F480" s="126"/>
      <c r="G480" s="126"/>
      <c r="H480" s="126"/>
      <c r="I480" s="126"/>
      <c r="J480" s="126"/>
      <c r="K480" s="126"/>
      <c r="L480" s="126"/>
      <c r="M480" s="126"/>
      <c r="N480" s="127"/>
      <c r="O480" s="130">
        <v>10</v>
      </c>
      <c r="P480" s="131"/>
      <c r="Q480" s="132"/>
      <c r="R480" s="92"/>
      <c r="S480" s="97"/>
      <c r="T480" s="97"/>
      <c r="U480" s="97"/>
      <c r="V480" s="97"/>
      <c r="W480" s="97"/>
      <c r="X480" s="97"/>
      <c r="Y480" s="97"/>
      <c r="Z480" s="97"/>
      <c r="AA480" s="97"/>
      <c r="AB480" s="97"/>
      <c r="AC480" s="97"/>
      <c r="AD480" s="98"/>
      <c r="AE480" s="83"/>
      <c r="AF480" s="83"/>
      <c r="AG480" s="95"/>
    </row>
    <row r="481" spans="1:33" s="1" customFormat="1" ht="15" customHeight="1" x14ac:dyDescent="0.15">
      <c r="A481" s="101"/>
      <c r="B481" s="102"/>
      <c r="C481" s="835" t="s">
        <v>652</v>
      </c>
      <c r="D481" s="835"/>
      <c r="E481" s="835"/>
      <c r="F481" s="835"/>
      <c r="G481" s="835"/>
      <c r="H481" s="835"/>
      <c r="I481" s="835"/>
      <c r="J481" s="835"/>
      <c r="K481" s="835"/>
      <c r="L481" s="835"/>
      <c r="M481" s="835"/>
      <c r="N481" s="836"/>
      <c r="O481" s="304">
        <v>5</v>
      </c>
      <c r="P481" s="305"/>
      <c r="Q481" s="306"/>
      <c r="R481" s="103"/>
      <c r="S481" s="102"/>
      <c r="T481" s="102"/>
      <c r="U481" s="102"/>
      <c r="V481" s="102"/>
      <c r="W481" s="102"/>
      <c r="X481" s="102"/>
      <c r="Y481" s="102"/>
      <c r="Z481" s="102"/>
      <c r="AA481" s="102"/>
      <c r="AB481" s="102"/>
      <c r="AC481" s="102"/>
      <c r="AD481" s="104"/>
      <c r="AE481" s="83"/>
      <c r="AF481" s="83"/>
      <c r="AG481" s="95"/>
    </row>
    <row r="482" spans="1:33" ht="15.95" customHeight="1" x14ac:dyDescent="0.15">
      <c r="A482" s="46"/>
      <c r="B482" s="1"/>
      <c r="C482" s="1"/>
      <c r="D482" s="1"/>
      <c r="E482" s="1"/>
      <c r="F482" s="1"/>
      <c r="G482" s="1"/>
      <c r="H482" s="1"/>
      <c r="I482" s="1"/>
      <c r="J482" s="1"/>
      <c r="K482" s="1"/>
      <c r="L482" s="1"/>
      <c r="M482" s="1"/>
      <c r="N482" s="1"/>
      <c r="O482" s="282"/>
      <c r="P482" s="282"/>
      <c r="Q482" s="282"/>
      <c r="R482" s="53"/>
      <c r="S482" s="54"/>
      <c r="T482" s="54"/>
      <c r="U482" s="54"/>
      <c r="V482" s="54"/>
      <c r="W482" s="54"/>
      <c r="X482" s="54"/>
      <c r="Y482" s="16"/>
      <c r="Z482" s="54"/>
      <c r="AA482" s="54"/>
      <c r="AB482" s="54"/>
      <c r="AC482" s="54"/>
      <c r="AD482" s="54"/>
      <c r="AE482" s="55"/>
      <c r="AF482" s="55"/>
      <c r="AG482" s="16" t="s">
        <v>460</v>
      </c>
    </row>
    <row r="483" spans="1:33" ht="15.95" customHeight="1" x14ac:dyDescent="0.15">
      <c r="A483" s="4" t="s">
        <v>628</v>
      </c>
      <c r="B483" s="1"/>
      <c r="C483" s="1"/>
      <c r="D483" s="1"/>
      <c r="E483" s="1"/>
      <c r="F483" s="1"/>
      <c r="G483" s="1"/>
      <c r="H483" s="1"/>
      <c r="I483" s="1"/>
      <c r="J483" s="1"/>
      <c r="K483" s="1"/>
      <c r="L483" s="1"/>
      <c r="M483" s="1"/>
      <c r="N483" s="1"/>
      <c r="O483" s="1"/>
      <c r="P483" s="1"/>
      <c r="Q483" s="1"/>
      <c r="R483" s="1"/>
      <c r="S483" s="1"/>
      <c r="T483" s="1"/>
      <c r="U483" s="1"/>
      <c r="V483" s="1"/>
      <c r="W483" s="1"/>
      <c r="X483" s="1"/>
      <c r="Y483" s="1"/>
      <c r="Z483" s="1"/>
      <c r="AA483" s="1"/>
      <c r="AB483" s="1"/>
      <c r="AC483" s="1"/>
      <c r="AD483" s="1"/>
      <c r="AE483" s="1"/>
      <c r="AF483" s="1"/>
      <c r="AG483" s="24"/>
    </row>
    <row r="484" spans="1:33" ht="15.95" customHeight="1" x14ac:dyDescent="0.15">
      <c r="A484" s="588" t="s">
        <v>204</v>
      </c>
      <c r="B484" s="589"/>
      <c r="C484" s="590"/>
      <c r="D484" s="286" t="s">
        <v>176</v>
      </c>
      <c r="E484" s="286"/>
      <c r="F484" s="286"/>
      <c r="G484" s="286"/>
      <c r="H484" s="286"/>
      <c r="I484" s="286"/>
      <c r="J484" s="286"/>
      <c r="K484" s="286"/>
      <c r="L484" s="286"/>
      <c r="M484" s="270" t="s">
        <v>233</v>
      </c>
      <c r="N484" s="271"/>
      <c r="O484" s="271"/>
      <c r="P484" s="271"/>
      <c r="Q484" s="271"/>
      <c r="R484" s="271"/>
      <c r="S484" s="271"/>
      <c r="T484" s="271"/>
      <c r="U484" s="272"/>
      <c r="V484" s="300" t="s">
        <v>198</v>
      </c>
      <c r="W484" s="300"/>
      <c r="X484" s="300"/>
      <c r="Y484" s="286" t="s">
        <v>199</v>
      </c>
      <c r="Z484" s="286"/>
      <c r="AA484" s="286"/>
      <c r="AB484" s="286"/>
      <c r="AC484" s="286"/>
      <c r="AD484" s="287"/>
      <c r="AE484" s="270" t="s">
        <v>200</v>
      </c>
      <c r="AF484" s="271"/>
      <c r="AG484" s="320"/>
    </row>
    <row r="485" spans="1:33" ht="15.95" customHeight="1" x14ac:dyDescent="0.15">
      <c r="A485" s="346"/>
      <c r="B485" s="347"/>
      <c r="C485" s="348"/>
      <c r="D485" s="245"/>
      <c r="E485" s="245"/>
      <c r="F485" s="245"/>
      <c r="G485" s="245"/>
      <c r="H485" s="245"/>
      <c r="I485" s="245"/>
      <c r="J485" s="245"/>
      <c r="K485" s="245"/>
      <c r="L485" s="245"/>
      <c r="M485" s="273"/>
      <c r="N485" s="274"/>
      <c r="O485" s="274"/>
      <c r="P485" s="274"/>
      <c r="Q485" s="274"/>
      <c r="R485" s="274"/>
      <c r="S485" s="274"/>
      <c r="T485" s="274"/>
      <c r="U485" s="275"/>
      <c r="V485" s="301"/>
      <c r="W485" s="301"/>
      <c r="X485" s="301"/>
      <c r="Y485" s="245"/>
      <c r="Z485" s="245"/>
      <c r="AA485" s="245"/>
      <c r="AB485" s="245"/>
      <c r="AC485" s="245"/>
      <c r="AD485" s="288"/>
      <c r="AE485" s="321"/>
      <c r="AF485" s="322"/>
      <c r="AG485" s="323"/>
    </row>
    <row r="486" spans="1:33" ht="15.95" customHeight="1" x14ac:dyDescent="0.15">
      <c r="A486" s="346"/>
      <c r="B486" s="347"/>
      <c r="C486" s="348"/>
      <c r="D486" s="810" t="s">
        <v>201</v>
      </c>
      <c r="E486" s="810"/>
      <c r="F486" s="810"/>
      <c r="G486" s="250" t="s">
        <v>202</v>
      </c>
      <c r="H486" s="250"/>
      <c r="I486" s="250"/>
      <c r="J486" s="865" t="s">
        <v>203</v>
      </c>
      <c r="K486" s="865"/>
      <c r="L486" s="865"/>
      <c r="M486" s="810" t="s">
        <v>201</v>
      </c>
      <c r="N486" s="810"/>
      <c r="O486" s="810"/>
      <c r="P486" s="276" t="s">
        <v>518</v>
      </c>
      <c r="Q486" s="277"/>
      <c r="R486" s="278"/>
      <c r="S486" s="250" t="s">
        <v>202</v>
      </c>
      <c r="T486" s="250"/>
      <c r="U486" s="250"/>
      <c r="V486" s="810" t="s">
        <v>201</v>
      </c>
      <c r="W486" s="810"/>
      <c r="X486" s="810"/>
      <c r="Y486" s="289" t="s">
        <v>519</v>
      </c>
      <c r="Z486" s="290"/>
      <c r="AA486" s="290"/>
      <c r="AB486" s="289" t="s">
        <v>520</v>
      </c>
      <c r="AC486" s="289"/>
      <c r="AD486" s="289"/>
      <c r="AE486" s="321"/>
      <c r="AF486" s="322"/>
      <c r="AG486" s="323"/>
    </row>
    <row r="487" spans="1:33" ht="15.95" customHeight="1" x14ac:dyDescent="0.15">
      <c r="A487" s="544" t="s">
        <v>234</v>
      </c>
      <c r="B487" s="545"/>
      <c r="C487" s="546"/>
      <c r="D487" s="810"/>
      <c r="E487" s="810"/>
      <c r="F487" s="810"/>
      <c r="G487" s="250"/>
      <c r="H487" s="250"/>
      <c r="I487" s="250"/>
      <c r="J487" s="865"/>
      <c r="K487" s="865"/>
      <c r="L487" s="865"/>
      <c r="M487" s="810"/>
      <c r="N487" s="810"/>
      <c r="O487" s="810"/>
      <c r="P487" s="279"/>
      <c r="Q487" s="280"/>
      <c r="R487" s="281"/>
      <c r="S487" s="250"/>
      <c r="T487" s="250"/>
      <c r="U487" s="250"/>
      <c r="V487" s="810"/>
      <c r="W487" s="810"/>
      <c r="X487" s="810"/>
      <c r="Y487" s="290"/>
      <c r="Z487" s="290"/>
      <c r="AA487" s="290"/>
      <c r="AB487" s="289"/>
      <c r="AC487" s="289"/>
      <c r="AD487" s="289"/>
      <c r="AE487" s="273"/>
      <c r="AF487" s="274"/>
      <c r="AG487" s="324"/>
    </row>
    <row r="488" spans="1:33" ht="15.95" customHeight="1" x14ac:dyDescent="0.15">
      <c r="A488" s="859">
        <v>4</v>
      </c>
      <c r="B488" s="860"/>
      <c r="C488" s="861"/>
      <c r="D488" s="851">
        <v>668</v>
      </c>
      <c r="E488" s="303"/>
      <c r="F488" s="303"/>
      <c r="G488" s="303">
        <v>4071</v>
      </c>
      <c r="H488" s="303"/>
      <c r="I488" s="303"/>
      <c r="J488" s="303">
        <v>912</v>
      </c>
      <c r="K488" s="303"/>
      <c r="L488" s="303"/>
      <c r="M488" s="303">
        <v>395</v>
      </c>
      <c r="N488" s="303"/>
      <c r="O488" s="303"/>
      <c r="P488" s="319">
        <v>969</v>
      </c>
      <c r="Q488" s="319"/>
      <c r="R488" s="319"/>
      <c r="S488" s="303">
        <v>1081</v>
      </c>
      <c r="T488" s="303"/>
      <c r="U488" s="303"/>
      <c r="V488" s="303">
        <v>498</v>
      </c>
      <c r="W488" s="303"/>
      <c r="X488" s="303"/>
      <c r="Y488" s="303">
        <v>929</v>
      </c>
      <c r="Z488" s="303"/>
      <c r="AA488" s="303"/>
      <c r="AB488" s="303">
        <v>2679</v>
      </c>
      <c r="AC488" s="303"/>
      <c r="AD488" s="303"/>
      <c r="AE488" s="191">
        <v>1418</v>
      </c>
      <c r="AF488" s="191"/>
      <c r="AG488" s="217"/>
    </row>
    <row r="489" spans="1:33" ht="15.95" customHeight="1" x14ac:dyDescent="0.15">
      <c r="A489" s="862"/>
      <c r="B489" s="863"/>
      <c r="C489" s="864"/>
      <c r="D489" s="851">
        <v>16378</v>
      </c>
      <c r="E489" s="303"/>
      <c r="F489" s="303"/>
      <c r="G489" s="303">
        <v>21518</v>
      </c>
      <c r="H489" s="303"/>
      <c r="I489" s="303"/>
      <c r="J489" s="303">
        <v>15853</v>
      </c>
      <c r="K489" s="303"/>
      <c r="L489" s="303"/>
      <c r="M489" s="303">
        <v>12784</v>
      </c>
      <c r="N489" s="303"/>
      <c r="O489" s="303"/>
      <c r="P489" s="303">
        <v>16459</v>
      </c>
      <c r="Q489" s="303"/>
      <c r="R489" s="303"/>
      <c r="S489" s="303">
        <v>10110</v>
      </c>
      <c r="T489" s="303"/>
      <c r="U489" s="303"/>
      <c r="V489" s="303">
        <v>28810</v>
      </c>
      <c r="W489" s="303"/>
      <c r="X489" s="303"/>
      <c r="Y489" s="303">
        <v>14828</v>
      </c>
      <c r="Z489" s="303"/>
      <c r="AA489" s="303"/>
      <c r="AB489" s="303">
        <v>12108</v>
      </c>
      <c r="AC489" s="303"/>
      <c r="AD489" s="303"/>
      <c r="AE489" s="191">
        <v>16123</v>
      </c>
      <c r="AF489" s="191"/>
      <c r="AG489" s="217"/>
    </row>
    <row r="490" spans="1:33" ht="15.95" customHeight="1" x14ac:dyDescent="0.15">
      <c r="A490" s="853">
        <v>5</v>
      </c>
      <c r="B490" s="854"/>
      <c r="C490" s="855"/>
      <c r="D490" s="852">
        <v>730</v>
      </c>
      <c r="E490" s="143"/>
      <c r="F490" s="143"/>
      <c r="G490" s="143">
        <v>3560</v>
      </c>
      <c r="H490" s="143"/>
      <c r="I490" s="143"/>
      <c r="J490" s="143">
        <v>1295</v>
      </c>
      <c r="K490" s="143"/>
      <c r="L490" s="143"/>
      <c r="M490" s="143">
        <v>351</v>
      </c>
      <c r="N490" s="143"/>
      <c r="O490" s="143"/>
      <c r="P490" s="143">
        <v>672</v>
      </c>
      <c r="Q490" s="143"/>
      <c r="R490" s="143"/>
      <c r="S490" s="143">
        <v>886</v>
      </c>
      <c r="T490" s="143"/>
      <c r="U490" s="143"/>
      <c r="V490" s="143">
        <v>474</v>
      </c>
      <c r="W490" s="143"/>
      <c r="X490" s="143"/>
      <c r="Y490" s="143">
        <v>875</v>
      </c>
      <c r="Z490" s="143"/>
      <c r="AA490" s="143"/>
      <c r="AB490" s="143">
        <v>2668</v>
      </c>
      <c r="AC490" s="143"/>
      <c r="AD490" s="143"/>
      <c r="AE490" s="191">
        <v>1199</v>
      </c>
      <c r="AF490" s="191"/>
      <c r="AG490" s="217"/>
    </row>
    <row r="491" spans="1:33" ht="15.95" customHeight="1" x14ac:dyDescent="0.15">
      <c r="A491" s="856"/>
      <c r="B491" s="857"/>
      <c r="C491" s="858"/>
      <c r="D491" s="852">
        <v>19761</v>
      </c>
      <c r="E491" s="143"/>
      <c r="F491" s="143"/>
      <c r="G491" s="143">
        <v>19314</v>
      </c>
      <c r="H491" s="143"/>
      <c r="I491" s="143"/>
      <c r="J491" s="143">
        <v>22273</v>
      </c>
      <c r="K491" s="143"/>
      <c r="L491" s="143"/>
      <c r="M491" s="143">
        <v>9390</v>
      </c>
      <c r="N491" s="143"/>
      <c r="O491" s="143"/>
      <c r="P491" s="143">
        <v>10210</v>
      </c>
      <c r="Q491" s="143"/>
      <c r="R491" s="143"/>
      <c r="S491" s="143">
        <v>5629</v>
      </c>
      <c r="T491" s="143"/>
      <c r="U491" s="143"/>
      <c r="V491" s="143">
        <v>38854</v>
      </c>
      <c r="W491" s="143"/>
      <c r="X491" s="143"/>
      <c r="Y491" s="143">
        <v>13281</v>
      </c>
      <c r="Z491" s="143"/>
      <c r="AA491" s="143"/>
      <c r="AB491" s="143">
        <v>12622</v>
      </c>
      <c r="AC491" s="143"/>
      <c r="AD491" s="143"/>
      <c r="AE491" s="191">
        <v>13417</v>
      </c>
      <c r="AF491" s="191"/>
      <c r="AG491" s="217"/>
    </row>
    <row r="492" spans="1:33" ht="15.95" customHeight="1" x14ac:dyDescent="0.15">
      <c r="A492" s="597">
        <v>6</v>
      </c>
      <c r="B492" s="598"/>
      <c r="C492" s="599"/>
      <c r="D492" s="603">
        <v>845</v>
      </c>
      <c r="E492" s="316"/>
      <c r="F492" s="316"/>
      <c r="G492" s="316">
        <v>3882</v>
      </c>
      <c r="H492" s="316"/>
      <c r="I492" s="316"/>
      <c r="J492" s="316">
        <v>1386</v>
      </c>
      <c r="K492" s="316"/>
      <c r="L492" s="316"/>
      <c r="M492" s="316">
        <v>385</v>
      </c>
      <c r="N492" s="316"/>
      <c r="O492" s="316"/>
      <c r="P492" s="587">
        <v>903</v>
      </c>
      <c r="Q492" s="587"/>
      <c r="R492" s="587"/>
      <c r="S492" s="316">
        <v>931</v>
      </c>
      <c r="T492" s="316"/>
      <c r="U492" s="316"/>
      <c r="V492" s="316">
        <v>467</v>
      </c>
      <c r="W492" s="316"/>
      <c r="X492" s="316"/>
      <c r="Y492" s="316">
        <v>754</v>
      </c>
      <c r="Z492" s="316"/>
      <c r="AA492" s="316"/>
      <c r="AB492" s="316">
        <v>2517</v>
      </c>
      <c r="AC492" s="316"/>
      <c r="AD492" s="316"/>
      <c r="AE492" s="186">
        <v>1206</v>
      </c>
      <c r="AF492" s="186"/>
      <c r="AG492" s="216"/>
    </row>
    <row r="493" spans="1:33" ht="15.95" customHeight="1" x14ac:dyDescent="0.15">
      <c r="A493" s="600"/>
      <c r="B493" s="601"/>
      <c r="C493" s="602"/>
      <c r="D493" s="604">
        <v>33689</v>
      </c>
      <c r="E493" s="145"/>
      <c r="F493" s="145"/>
      <c r="G493" s="145">
        <v>20518</v>
      </c>
      <c r="H493" s="145"/>
      <c r="I493" s="145"/>
      <c r="J493" s="145">
        <v>25387</v>
      </c>
      <c r="K493" s="145"/>
      <c r="L493" s="145"/>
      <c r="M493" s="145">
        <v>9386</v>
      </c>
      <c r="N493" s="145"/>
      <c r="O493" s="145"/>
      <c r="P493" s="596">
        <v>13300</v>
      </c>
      <c r="Q493" s="596"/>
      <c r="R493" s="596"/>
      <c r="S493" s="145">
        <v>5477</v>
      </c>
      <c r="T493" s="145"/>
      <c r="U493" s="145"/>
      <c r="V493" s="145">
        <v>27085</v>
      </c>
      <c r="W493" s="145"/>
      <c r="X493" s="145"/>
      <c r="Y493" s="145">
        <v>11113</v>
      </c>
      <c r="Z493" s="145"/>
      <c r="AA493" s="145"/>
      <c r="AB493" s="145">
        <v>11940</v>
      </c>
      <c r="AC493" s="145"/>
      <c r="AD493" s="145"/>
      <c r="AE493" s="237">
        <v>14166</v>
      </c>
      <c r="AF493" s="237"/>
      <c r="AG493" s="238"/>
    </row>
    <row r="494" spans="1:33" ht="15.95" customHeight="1" x14ac:dyDescent="0.15">
      <c r="A494" s="8" t="s">
        <v>208</v>
      </c>
      <c r="B494" s="1"/>
      <c r="C494" s="1"/>
      <c r="D494" s="1"/>
      <c r="E494" s="1"/>
      <c r="F494" s="1"/>
      <c r="G494" s="1"/>
      <c r="H494" s="1"/>
      <c r="I494" s="1"/>
      <c r="J494" s="32"/>
      <c r="K494" s="32"/>
      <c r="L494" s="32"/>
      <c r="M494" s="32"/>
      <c r="N494" s="32"/>
      <c r="O494" s="32"/>
      <c r="P494" s="32"/>
      <c r="Q494" s="32"/>
      <c r="R494" s="32"/>
      <c r="S494" s="32"/>
      <c r="T494" s="32"/>
      <c r="U494" s="32"/>
      <c r="V494" s="32"/>
      <c r="W494" s="32"/>
      <c r="X494" s="32"/>
      <c r="Y494" s="1"/>
      <c r="Z494" s="1"/>
      <c r="AA494" s="15"/>
      <c r="AB494" s="15"/>
      <c r="AC494" s="15"/>
      <c r="AD494" s="15"/>
      <c r="AE494" s="15"/>
      <c r="AF494" s="15"/>
      <c r="AG494" s="3" t="s">
        <v>0</v>
      </c>
    </row>
    <row r="495" spans="1:33" ht="15.95" customHeight="1" x14ac:dyDescent="0.15">
      <c r="A495" s="1"/>
      <c r="B495" s="1"/>
      <c r="C495" s="1"/>
      <c r="D495" s="1"/>
      <c r="E495" s="1"/>
      <c r="F495" s="1"/>
      <c r="G495" s="1"/>
      <c r="H495" s="1"/>
      <c r="I495" s="1"/>
      <c r="J495" s="32"/>
      <c r="K495" s="32"/>
      <c r="L495" s="32"/>
      <c r="M495" s="32"/>
      <c r="N495" s="32"/>
      <c r="O495" s="32"/>
      <c r="P495" s="32"/>
      <c r="Q495" s="32"/>
      <c r="R495" s="32"/>
      <c r="S495" s="32"/>
      <c r="T495" s="32"/>
      <c r="U495" s="32"/>
      <c r="V495" s="32"/>
      <c r="W495" s="32"/>
      <c r="X495" s="32"/>
      <c r="Y495" s="1"/>
      <c r="Z495" s="3"/>
      <c r="AA495" s="3"/>
      <c r="AB495" s="3"/>
      <c r="AC495" s="3"/>
      <c r="AD495" s="3"/>
      <c r="AE495" s="3"/>
      <c r="AF495" s="3"/>
      <c r="AG495" s="3"/>
    </row>
    <row r="496" spans="1:33" ht="15.95" customHeight="1" x14ac:dyDescent="0.15">
      <c r="A496" s="4" t="s">
        <v>629</v>
      </c>
      <c r="B496" s="1"/>
      <c r="C496" s="1"/>
      <c r="D496" s="1"/>
      <c r="E496" s="1"/>
      <c r="F496" s="1"/>
      <c r="G496" s="1"/>
      <c r="H496" s="1"/>
      <c r="I496" s="1"/>
      <c r="J496" s="1"/>
      <c r="K496" s="1"/>
      <c r="L496" s="1"/>
      <c r="M496" s="1"/>
      <c r="N496" s="1"/>
      <c r="O496" s="1"/>
      <c r="P496" s="1"/>
      <c r="Q496" s="1"/>
      <c r="R496" s="1"/>
      <c r="S496" s="1"/>
      <c r="T496" s="1"/>
      <c r="U496" s="1"/>
      <c r="V496" s="1"/>
      <c r="W496" s="1"/>
      <c r="X496" s="1"/>
      <c r="Y496" s="1"/>
      <c r="Z496" s="1"/>
      <c r="AA496" s="1"/>
      <c r="AB496" s="1"/>
      <c r="AC496" s="1"/>
      <c r="AD496" s="1"/>
      <c r="AE496" s="1"/>
      <c r="AF496" s="1"/>
      <c r="AG496" s="1"/>
    </row>
    <row r="497" spans="1:33" ht="15.95" customHeight="1" x14ac:dyDescent="0.15">
      <c r="A497" s="588" t="s">
        <v>106</v>
      </c>
      <c r="B497" s="589"/>
      <c r="C497" s="589"/>
      <c r="D497" s="589"/>
      <c r="E497" s="589"/>
      <c r="F497" s="590"/>
      <c r="G497" s="534" t="s">
        <v>129</v>
      </c>
      <c r="H497" s="534"/>
      <c r="I497" s="534"/>
      <c r="J497" s="534"/>
      <c r="K497" s="534"/>
      <c r="L497" s="534"/>
      <c r="M497" s="534"/>
      <c r="N497" s="534"/>
      <c r="O497" s="539"/>
      <c r="P497" s="533" t="s">
        <v>521</v>
      </c>
      <c r="Q497" s="534"/>
      <c r="R497" s="534"/>
      <c r="S497" s="534"/>
      <c r="T497" s="534"/>
      <c r="U497" s="534"/>
      <c r="V497" s="534"/>
      <c r="W497" s="534"/>
      <c r="X497" s="539"/>
      <c r="Y497" s="534" t="s">
        <v>130</v>
      </c>
      <c r="Z497" s="534"/>
      <c r="AA497" s="534"/>
      <c r="AB497" s="534"/>
      <c r="AC497" s="534"/>
      <c r="AD497" s="534"/>
      <c r="AE497" s="534"/>
      <c r="AF497" s="534"/>
      <c r="AG497" s="535"/>
    </row>
    <row r="498" spans="1:33" ht="15.95" customHeight="1" x14ac:dyDescent="0.15">
      <c r="A498" s="544" t="s">
        <v>108</v>
      </c>
      <c r="B498" s="545"/>
      <c r="C498" s="545"/>
      <c r="D498" s="545"/>
      <c r="E498" s="545"/>
      <c r="F498" s="546"/>
      <c r="G498" s="559" t="s">
        <v>131</v>
      </c>
      <c r="H498" s="585"/>
      <c r="I498" s="585"/>
      <c r="J498" s="585"/>
      <c r="K498" s="585"/>
      <c r="L498" s="585"/>
      <c r="M498" s="585"/>
      <c r="N498" s="585"/>
      <c r="O498" s="560"/>
      <c r="P498" s="559" t="s">
        <v>243</v>
      </c>
      <c r="Q498" s="585"/>
      <c r="R498" s="585"/>
      <c r="S498" s="585"/>
      <c r="T498" s="585"/>
      <c r="U498" s="585"/>
      <c r="V498" s="585"/>
      <c r="W498" s="585"/>
      <c r="X498" s="560"/>
      <c r="Y498" s="585" t="s">
        <v>132</v>
      </c>
      <c r="Z498" s="585"/>
      <c r="AA498" s="585"/>
      <c r="AB498" s="585"/>
      <c r="AC498" s="585"/>
      <c r="AD498" s="585"/>
      <c r="AE498" s="585"/>
      <c r="AF498" s="585"/>
      <c r="AG498" s="586"/>
    </row>
    <row r="499" spans="1:33" ht="15.95" customHeight="1" x14ac:dyDescent="0.15">
      <c r="A499" s="378">
        <v>4</v>
      </c>
      <c r="B499" s="379"/>
      <c r="C499" s="379"/>
      <c r="D499" s="379"/>
      <c r="E499" s="379"/>
      <c r="F499" s="380"/>
      <c r="G499" s="577">
        <v>346</v>
      </c>
      <c r="H499" s="569"/>
      <c r="I499" s="569"/>
      <c r="J499" s="569"/>
      <c r="K499" s="569"/>
      <c r="L499" s="569"/>
      <c r="M499" s="569"/>
      <c r="N499" s="569"/>
      <c r="O499" s="569"/>
      <c r="P499" s="569">
        <v>2361</v>
      </c>
      <c r="Q499" s="569"/>
      <c r="R499" s="569"/>
      <c r="S499" s="569"/>
      <c r="T499" s="569"/>
      <c r="U499" s="569"/>
      <c r="V499" s="569"/>
      <c r="W499" s="569"/>
      <c r="X499" s="569"/>
      <c r="Y499" s="569">
        <v>61888</v>
      </c>
      <c r="Z499" s="569"/>
      <c r="AA499" s="569"/>
      <c r="AB499" s="569"/>
      <c r="AC499" s="569"/>
      <c r="AD499" s="569"/>
      <c r="AE499" s="569"/>
      <c r="AF499" s="569"/>
      <c r="AG499" s="570"/>
    </row>
    <row r="500" spans="1:33" ht="15.95" customHeight="1" x14ac:dyDescent="0.15">
      <c r="A500" s="381">
        <v>5</v>
      </c>
      <c r="B500" s="382"/>
      <c r="C500" s="382"/>
      <c r="D500" s="382"/>
      <c r="E500" s="382"/>
      <c r="F500" s="383"/>
      <c r="G500" s="512">
        <v>349</v>
      </c>
      <c r="H500" s="282"/>
      <c r="I500" s="282"/>
      <c r="J500" s="282"/>
      <c r="K500" s="282"/>
      <c r="L500" s="282"/>
      <c r="M500" s="282"/>
      <c r="N500" s="282"/>
      <c r="O500" s="282"/>
      <c r="P500" s="282">
        <v>2466</v>
      </c>
      <c r="Q500" s="282"/>
      <c r="R500" s="282"/>
      <c r="S500" s="282"/>
      <c r="T500" s="282"/>
      <c r="U500" s="282"/>
      <c r="V500" s="282"/>
      <c r="W500" s="282"/>
      <c r="X500" s="282"/>
      <c r="Y500" s="282">
        <v>67029</v>
      </c>
      <c r="Z500" s="282"/>
      <c r="AA500" s="282"/>
      <c r="AB500" s="282"/>
      <c r="AC500" s="282"/>
      <c r="AD500" s="282"/>
      <c r="AE500" s="282"/>
      <c r="AF500" s="282"/>
      <c r="AG500" s="519"/>
    </row>
    <row r="501" spans="1:33" ht="15.95" customHeight="1" x14ac:dyDescent="0.15">
      <c r="A501" s="423">
        <v>6</v>
      </c>
      <c r="B501" s="424"/>
      <c r="C501" s="424"/>
      <c r="D501" s="424"/>
      <c r="E501" s="424"/>
      <c r="F501" s="425"/>
      <c r="G501" s="531">
        <v>346</v>
      </c>
      <c r="H501" s="532"/>
      <c r="I501" s="532"/>
      <c r="J501" s="532"/>
      <c r="K501" s="532"/>
      <c r="L501" s="532"/>
      <c r="M501" s="532"/>
      <c r="N501" s="532"/>
      <c r="O501" s="532"/>
      <c r="P501" s="532">
        <v>2466</v>
      </c>
      <c r="Q501" s="532"/>
      <c r="R501" s="532"/>
      <c r="S501" s="532"/>
      <c r="T501" s="532"/>
      <c r="U501" s="532"/>
      <c r="V501" s="532"/>
      <c r="W501" s="532"/>
      <c r="X501" s="532"/>
      <c r="Y501" s="532">
        <v>64623</v>
      </c>
      <c r="Z501" s="532"/>
      <c r="AA501" s="532"/>
      <c r="AB501" s="532"/>
      <c r="AC501" s="532"/>
      <c r="AD501" s="532"/>
      <c r="AE501" s="532"/>
      <c r="AF501" s="532"/>
      <c r="AG501" s="543"/>
    </row>
    <row r="502" spans="1:33" ht="15.95" customHeight="1" x14ac:dyDescent="0.15">
      <c r="A502" s="1"/>
      <c r="B502" s="1"/>
      <c r="C502" s="1"/>
      <c r="D502" s="1"/>
      <c r="E502" s="1"/>
      <c r="F502" s="1"/>
      <c r="G502" s="1"/>
      <c r="H502" s="1"/>
      <c r="I502" s="1"/>
      <c r="J502" s="1"/>
      <c r="K502" s="1"/>
      <c r="L502" s="1"/>
      <c r="M502" s="1"/>
      <c r="N502" s="1"/>
      <c r="O502" s="1"/>
      <c r="P502" s="1"/>
      <c r="Q502" s="1"/>
      <c r="R502" s="1"/>
      <c r="S502" s="1"/>
      <c r="T502" s="1"/>
      <c r="U502" s="1"/>
      <c r="V502" s="1"/>
      <c r="W502" s="1"/>
      <c r="X502" s="1"/>
      <c r="Y502" s="1"/>
      <c r="Z502" s="15"/>
      <c r="AA502" s="15"/>
      <c r="AB502" s="15"/>
      <c r="AC502" s="15"/>
      <c r="AD502" s="15"/>
      <c r="AE502" s="15"/>
      <c r="AF502" s="15"/>
      <c r="AG502" s="3" t="s">
        <v>0</v>
      </c>
    </row>
    <row r="503" spans="1:33" ht="15.95" customHeight="1" x14ac:dyDescent="0.15">
      <c r="A503" s="34"/>
      <c r="B503" s="34"/>
      <c r="C503" s="34"/>
      <c r="D503" s="34"/>
      <c r="E503" s="34"/>
      <c r="F503" s="34"/>
      <c r="G503" s="34"/>
      <c r="H503" s="34"/>
      <c r="I503" s="34"/>
      <c r="J503" s="34"/>
      <c r="K503" s="34"/>
      <c r="L503" s="34"/>
      <c r="M503" s="34"/>
      <c r="N503" s="34"/>
      <c r="O503" s="34"/>
      <c r="P503" s="34"/>
      <c r="Q503" s="34"/>
      <c r="R503" s="34"/>
      <c r="S503" s="34"/>
      <c r="T503" s="34"/>
      <c r="U503" s="34"/>
      <c r="V503" s="34"/>
      <c r="W503" s="34"/>
      <c r="X503" s="34"/>
      <c r="Y503" s="34"/>
      <c r="Z503" s="34"/>
      <c r="AA503" s="34"/>
      <c r="AB503" s="34"/>
      <c r="AC503" s="34"/>
      <c r="AD503" s="34"/>
      <c r="AE503" s="34"/>
      <c r="AF503" s="34"/>
      <c r="AG503" s="34"/>
    </row>
    <row r="504" spans="1:33" ht="15.95" customHeight="1" x14ac:dyDescent="0.15">
      <c r="A504" s="4" t="s">
        <v>630</v>
      </c>
      <c r="B504" s="1"/>
      <c r="C504" s="1"/>
      <c r="D504" s="1"/>
      <c r="E504" s="1"/>
      <c r="F504" s="1"/>
      <c r="G504" s="1"/>
      <c r="H504" s="1"/>
      <c r="I504" s="1"/>
      <c r="J504" s="1"/>
      <c r="K504" s="1"/>
      <c r="L504" s="1"/>
      <c r="M504" s="1"/>
      <c r="N504" s="1"/>
      <c r="O504" s="1"/>
      <c r="P504" s="1"/>
      <c r="Q504" s="1"/>
      <c r="R504" s="1"/>
      <c r="S504" s="1"/>
      <c r="T504" s="1"/>
      <c r="U504" s="1"/>
      <c r="V504" s="1"/>
      <c r="W504" s="1"/>
      <c r="X504" s="1"/>
      <c r="Y504" s="1"/>
      <c r="Z504" s="1"/>
      <c r="AA504" s="1"/>
      <c r="AB504" s="1"/>
      <c r="AC504" s="1"/>
      <c r="AD504" s="1"/>
      <c r="AE504" s="15"/>
      <c r="AF504" s="15"/>
      <c r="AG504" s="24" t="s">
        <v>94</v>
      </c>
    </row>
    <row r="505" spans="1:33" ht="15.95" customHeight="1" x14ac:dyDescent="0.15">
      <c r="A505" s="588" t="s">
        <v>106</v>
      </c>
      <c r="B505" s="589"/>
      <c r="C505" s="589"/>
      <c r="D505" s="589"/>
      <c r="E505" s="589"/>
      <c r="F505" s="590"/>
      <c r="G505" s="534" t="s">
        <v>116</v>
      </c>
      <c r="H505" s="534"/>
      <c r="I505" s="534"/>
      <c r="J505" s="534"/>
      <c r="K505" s="534"/>
      <c r="L505" s="534"/>
      <c r="M505" s="534"/>
      <c r="N505" s="534"/>
      <c r="O505" s="539"/>
      <c r="P505" s="533" t="s">
        <v>472</v>
      </c>
      <c r="Q505" s="534"/>
      <c r="R505" s="534"/>
      <c r="S505" s="534"/>
      <c r="T505" s="534"/>
      <c r="U505" s="534"/>
      <c r="V505" s="534"/>
      <c r="W505" s="534"/>
      <c r="X505" s="539"/>
      <c r="Y505" s="533" t="s">
        <v>133</v>
      </c>
      <c r="Z505" s="534"/>
      <c r="AA505" s="534"/>
      <c r="AB505" s="534"/>
      <c r="AC505" s="534"/>
      <c r="AD505" s="534"/>
      <c r="AE505" s="534"/>
      <c r="AF505" s="534"/>
      <c r="AG505" s="535"/>
    </row>
    <row r="506" spans="1:33" ht="15.95" customHeight="1" x14ac:dyDescent="0.15">
      <c r="A506" s="544" t="s">
        <v>108</v>
      </c>
      <c r="B506" s="545"/>
      <c r="C506" s="545"/>
      <c r="D506" s="545"/>
      <c r="E506" s="545"/>
      <c r="F506" s="546"/>
      <c r="G506" s="537"/>
      <c r="H506" s="537"/>
      <c r="I506" s="537"/>
      <c r="J506" s="537"/>
      <c r="K506" s="537"/>
      <c r="L506" s="537"/>
      <c r="M506" s="537"/>
      <c r="N506" s="537"/>
      <c r="O506" s="540"/>
      <c r="P506" s="536"/>
      <c r="Q506" s="537"/>
      <c r="R506" s="537"/>
      <c r="S506" s="537"/>
      <c r="T506" s="537"/>
      <c r="U506" s="537"/>
      <c r="V506" s="537"/>
      <c r="W506" s="537"/>
      <c r="X506" s="540"/>
      <c r="Y506" s="536"/>
      <c r="Z506" s="537"/>
      <c r="AA506" s="537"/>
      <c r="AB506" s="537"/>
      <c r="AC506" s="537"/>
      <c r="AD506" s="537"/>
      <c r="AE506" s="537"/>
      <c r="AF506" s="537"/>
      <c r="AG506" s="538"/>
    </row>
    <row r="507" spans="1:33" ht="15.95" customHeight="1" x14ac:dyDescent="0.15">
      <c r="A507" s="378">
        <v>4</v>
      </c>
      <c r="B507" s="379"/>
      <c r="C507" s="379"/>
      <c r="D507" s="379"/>
      <c r="E507" s="379"/>
      <c r="F507" s="380"/>
      <c r="G507" s="577">
        <v>69254</v>
      </c>
      <c r="H507" s="569"/>
      <c r="I507" s="569"/>
      <c r="J507" s="569"/>
      <c r="K507" s="569"/>
      <c r="L507" s="569"/>
      <c r="M507" s="569"/>
      <c r="N507" s="569"/>
      <c r="O507" s="569"/>
      <c r="P507" s="569">
        <v>47869</v>
      </c>
      <c r="Q507" s="569"/>
      <c r="R507" s="569"/>
      <c r="S507" s="569"/>
      <c r="T507" s="569"/>
      <c r="U507" s="569"/>
      <c r="V507" s="569"/>
      <c r="W507" s="569"/>
      <c r="X507" s="569"/>
      <c r="Y507" s="569">
        <v>21385</v>
      </c>
      <c r="Z507" s="569"/>
      <c r="AA507" s="569"/>
      <c r="AB507" s="569"/>
      <c r="AC507" s="569"/>
      <c r="AD507" s="569"/>
      <c r="AE507" s="569"/>
      <c r="AF507" s="569"/>
      <c r="AG507" s="570"/>
    </row>
    <row r="508" spans="1:33" ht="15.95" customHeight="1" x14ac:dyDescent="0.15">
      <c r="A508" s="381">
        <v>5</v>
      </c>
      <c r="B508" s="382"/>
      <c r="C508" s="382"/>
      <c r="D508" s="382"/>
      <c r="E508" s="382"/>
      <c r="F508" s="383"/>
      <c r="G508" s="314">
        <v>73768</v>
      </c>
      <c r="H508" s="298"/>
      <c r="I508" s="298"/>
      <c r="J508" s="298"/>
      <c r="K508" s="298"/>
      <c r="L508" s="298"/>
      <c r="M508" s="298"/>
      <c r="N508" s="298"/>
      <c r="O508" s="298"/>
      <c r="P508" s="574">
        <v>50680</v>
      </c>
      <c r="Q508" s="574"/>
      <c r="R508" s="574"/>
      <c r="S508" s="574"/>
      <c r="T508" s="574"/>
      <c r="U508" s="574"/>
      <c r="V508" s="574"/>
      <c r="W508" s="574"/>
      <c r="X508" s="574"/>
      <c r="Y508" s="571">
        <v>23088</v>
      </c>
      <c r="Z508" s="571"/>
      <c r="AA508" s="571"/>
      <c r="AB508" s="571"/>
      <c r="AC508" s="571"/>
      <c r="AD508" s="571"/>
      <c r="AE508" s="571"/>
      <c r="AF508" s="571"/>
      <c r="AG508" s="572"/>
    </row>
    <row r="509" spans="1:33" ht="15.95" customHeight="1" x14ac:dyDescent="0.15">
      <c r="A509" s="423">
        <v>6</v>
      </c>
      <c r="B509" s="424"/>
      <c r="C509" s="424"/>
      <c r="D509" s="424"/>
      <c r="E509" s="424"/>
      <c r="F509" s="425"/>
      <c r="G509" s="575">
        <v>75301</v>
      </c>
      <c r="H509" s="576"/>
      <c r="I509" s="576"/>
      <c r="J509" s="576"/>
      <c r="K509" s="576"/>
      <c r="L509" s="576"/>
      <c r="M509" s="576"/>
      <c r="N509" s="576"/>
      <c r="O509" s="576"/>
      <c r="P509" s="532">
        <v>53793</v>
      </c>
      <c r="Q509" s="532"/>
      <c r="R509" s="532"/>
      <c r="S509" s="532"/>
      <c r="T509" s="532"/>
      <c r="U509" s="532"/>
      <c r="V509" s="532"/>
      <c r="W509" s="532"/>
      <c r="X509" s="532"/>
      <c r="Y509" s="532">
        <v>21508</v>
      </c>
      <c r="Z509" s="532"/>
      <c r="AA509" s="532"/>
      <c r="AB509" s="532"/>
      <c r="AC509" s="532"/>
      <c r="AD509" s="532"/>
      <c r="AE509" s="532"/>
      <c r="AF509" s="532"/>
      <c r="AG509" s="543"/>
    </row>
    <row r="510" spans="1:33" ht="15.95" customHeight="1" x14ac:dyDescent="0.15">
      <c r="A510" s="1"/>
      <c r="B510" s="1"/>
      <c r="C510" s="1"/>
      <c r="D510" s="1"/>
      <c r="E510" s="1"/>
      <c r="F510" s="1"/>
      <c r="G510" s="1"/>
      <c r="H510" s="1"/>
      <c r="I510" s="1"/>
      <c r="J510" s="1"/>
      <c r="K510" s="1"/>
      <c r="L510" s="1"/>
      <c r="M510" s="1"/>
      <c r="N510" s="1"/>
      <c r="O510" s="1"/>
      <c r="P510" s="1"/>
      <c r="Q510" s="1"/>
      <c r="R510" s="1"/>
      <c r="S510" s="1"/>
      <c r="T510" s="1"/>
      <c r="U510" s="1"/>
      <c r="V510" s="1"/>
      <c r="W510" s="1"/>
      <c r="X510" s="1"/>
      <c r="Y510" s="1"/>
      <c r="Z510" s="1"/>
      <c r="AA510" s="15"/>
      <c r="AB510" s="15"/>
      <c r="AC510" s="15"/>
      <c r="AD510" s="15"/>
      <c r="AE510" s="15"/>
      <c r="AF510" s="15"/>
      <c r="AG510" s="3" t="s">
        <v>175</v>
      </c>
    </row>
    <row r="511" spans="1:33" ht="15.95" customHeight="1" x14ac:dyDescent="0.15">
      <c r="A511" s="51"/>
      <c r="B511" s="51"/>
      <c r="C511" s="51"/>
      <c r="D511" s="51"/>
      <c r="E511" s="51"/>
      <c r="F511" s="51"/>
      <c r="G511" s="51"/>
      <c r="H511" s="51"/>
      <c r="I511" s="51"/>
      <c r="J511" s="51"/>
      <c r="K511" s="51"/>
      <c r="L511" s="51"/>
      <c r="M511" s="51"/>
      <c r="N511" s="51"/>
      <c r="O511" s="51"/>
      <c r="P511" s="51"/>
      <c r="Q511" s="51"/>
      <c r="R511" s="51"/>
      <c r="S511" s="51"/>
      <c r="T511" s="51"/>
      <c r="U511" s="51"/>
      <c r="V511" s="51"/>
      <c r="W511" s="51"/>
      <c r="X511" s="51"/>
      <c r="Y511" s="51"/>
      <c r="Z511" s="51"/>
      <c r="AA511" s="51"/>
      <c r="AB511" s="51"/>
      <c r="AC511" s="51"/>
      <c r="AD511" s="51"/>
      <c r="AE511" s="51"/>
      <c r="AF511" s="51"/>
      <c r="AG511" s="51"/>
    </row>
    <row r="512" spans="1:33" ht="15.95" customHeight="1" x14ac:dyDescent="0.15">
      <c r="A512" s="4" t="s">
        <v>631</v>
      </c>
      <c r="B512" s="1"/>
      <c r="C512" s="1"/>
      <c r="D512" s="1"/>
      <c r="E512" s="1"/>
      <c r="F512" s="1"/>
      <c r="G512" s="1"/>
      <c r="H512" s="1"/>
      <c r="I512" s="1"/>
      <c r="J512" s="1"/>
      <c r="K512" s="1"/>
      <c r="L512" s="1"/>
      <c r="M512" s="1"/>
      <c r="N512" s="1"/>
      <c r="O512" s="1"/>
      <c r="P512" s="1"/>
      <c r="Q512" s="1"/>
      <c r="R512" s="1"/>
      <c r="S512" s="1"/>
      <c r="T512" s="1"/>
      <c r="U512" s="1"/>
      <c r="V512" s="1"/>
      <c r="W512" s="1"/>
      <c r="X512" s="1"/>
      <c r="Y512" s="1"/>
      <c r="Z512" s="1"/>
      <c r="AA512" s="1"/>
      <c r="AB512" s="1"/>
      <c r="AC512" s="1"/>
      <c r="AD512" s="1"/>
      <c r="AE512" s="1"/>
      <c r="AF512" s="1"/>
      <c r="AG512" s="1"/>
    </row>
    <row r="513" spans="1:33" ht="15.95" customHeight="1" x14ac:dyDescent="0.15">
      <c r="A513" s="588" t="s">
        <v>106</v>
      </c>
      <c r="B513" s="589"/>
      <c r="C513" s="589"/>
      <c r="D513" s="589"/>
      <c r="E513" s="590"/>
      <c r="F513" s="582" t="s">
        <v>211</v>
      </c>
      <c r="G513" s="583"/>
      <c r="H513" s="583"/>
      <c r="I513" s="583"/>
      <c r="J513" s="583"/>
      <c r="K513" s="583"/>
      <c r="L513" s="583"/>
      <c r="M513" s="583"/>
      <c r="N513" s="583"/>
      <c r="O513" s="583"/>
      <c r="P513" s="583"/>
      <c r="Q513" s="584"/>
      <c r="R513" s="287" t="s">
        <v>212</v>
      </c>
      <c r="S513" s="480"/>
      <c r="T513" s="480"/>
      <c r="U513" s="480"/>
      <c r="V513" s="480"/>
      <c r="W513" s="480"/>
      <c r="X513" s="480"/>
      <c r="Y513" s="481"/>
      <c r="Z513" s="334" t="s">
        <v>213</v>
      </c>
      <c r="AA513" s="335"/>
      <c r="AB513" s="335"/>
      <c r="AC513" s="335"/>
      <c r="AD513" s="335"/>
      <c r="AE513" s="335"/>
      <c r="AF513" s="335"/>
      <c r="AG513" s="579"/>
    </row>
    <row r="514" spans="1:33" ht="15.95" customHeight="1" x14ac:dyDescent="0.15">
      <c r="A514" s="544" t="s">
        <v>108</v>
      </c>
      <c r="B514" s="545"/>
      <c r="C514" s="545"/>
      <c r="D514" s="545"/>
      <c r="E514" s="546"/>
      <c r="F514" s="566" t="s">
        <v>112</v>
      </c>
      <c r="G514" s="567"/>
      <c r="H514" s="567"/>
      <c r="I514" s="573"/>
      <c r="J514" s="566" t="s">
        <v>134</v>
      </c>
      <c r="K514" s="567"/>
      <c r="L514" s="567"/>
      <c r="M514" s="573"/>
      <c r="N514" s="566" t="s">
        <v>135</v>
      </c>
      <c r="O514" s="567"/>
      <c r="P514" s="567"/>
      <c r="Q514" s="573"/>
      <c r="R514" s="566" t="s">
        <v>134</v>
      </c>
      <c r="S514" s="567"/>
      <c r="T514" s="567"/>
      <c r="U514" s="573"/>
      <c r="V514" s="566" t="s">
        <v>135</v>
      </c>
      <c r="W514" s="567"/>
      <c r="X514" s="567"/>
      <c r="Y514" s="573"/>
      <c r="Z514" s="566" t="s">
        <v>134</v>
      </c>
      <c r="AA514" s="567"/>
      <c r="AB514" s="567"/>
      <c r="AC514" s="573"/>
      <c r="AD514" s="566" t="s">
        <v>135</v>
      </c>
      <c r="AE514" s="567"/>
      <c r="AF514" s="567"/>
      <c r="AG514" s="568"/>
    </row>
    <row r="515" spans="1:33" ht="15.95" customHeight="1" x14ac:dyDescent="0.15">
      <c r="A515" s="547">
        <v>4</v>
      </c>
      <c r="B515" s="548"/>
      <c r="C515" s="548"/>
      <c r="D515" s="548"/>
      <c r="E515" s="549"/>
      <c r="F515" s="244">
        <v>3133</v>
      </c>
      <c r="G515" s="191"/>
      <c r="H515" s="191"/>
      <c r="I515" s="191"/>
      <c r="J515" s="191">
        <v>2979</v>
      </c>
      <c r="K515" s="191"/>
      <c r="L515" s="191"/>
      <c r="M515" s="191"/>
      <c r="N515" s="191">
        <v>154</v>
      </c>
      <c r="O515" s="191"/>
      <c r="P515" s="191"/>
      <c r="Q515" s="191"/>
      <c r="R515" s="191">
        <v>95</v>
      </c>
      <c r="S515" s="191"/>
      <c r="T515" s="191"/>
      <c r="U515" s="191"/>
      <c r="V515" s="265">
        <v>1</v>
      </c>
      <c r="W515" s="265"/>
      <c r="X515" s="265"/>
      <c r="Y515" s="265"/>
      <c r="Z515" s="191">
        <v>1461</v>
      </c>
      <c r="AA515" s="191"/>
      <c r="AB515" s="191"/>
      <c r="AC515" s="191"/>
      <c r="AD515" s="191">
        <v>135</v>
      </c>
      <c r="AE515" s="191"/>
      <c r="AF515" s="191"/>
      <c r="AG515" s="217"/>
    </row>
    <row r="516" spans="1:33" ht="15.95" customHeight="1" x14ac:dyDescent="0.15">
      <c r="A516" s="528">
        <v>5</v>
      </c>
      <c r="B516" s="529"/>
      <c r="C516" s="529"/>
      <c r="D516" s="529"/>
      <c r="E516" s="530"/>
      <c r="F516" s="580">
        <v>3448</v>
      </c>
      <c r="G516" s="581"/>
      <c r="H516" s="581"/>
      <c r="I516" s="581"/>
      <c r="J516" s="541">
        <v>3049</v>
      </c>
      <c r="K516" s="541"/>
      <c r="L516" s="541"/>
      <c r="M516" s="541"/>
      <c r="N516" s="541">
        <v>399</v>
      </c>
      <c r="O516" s="541"/>
      <c r="P516" s="541"/>
      <c r="Q516" s="541"/>
      <c r="R516" s="541">
        <v>94</v>
      </c>
      <c r="S516" s="541"/>
      <c r="T516" s="541"/>
      <c r="U516" s="541"/>
      <c r="V516" s="541">
        <v>18</v>
      </c>
      <c r="W516" s="541"/>
      <c r="X516" s="541"/>
      <c r="Y516" s="541"/>
      <c r="Z516" s="541">
        <v>839</v>
      </c>
      <c r="AA516" s="541"/>
      <c r="AB516" s="541"/>
      <c r="AC516" s="541"/>
      <c r="AD516" s="541">
        <v>89</v>
      </c>
      <c r="AE516" s="541"/>
      <c r="AF516" s="541"/>
      <c r="AG516" s="542"/>
    </row>
    <row r="517" spans="1:33" ht="15.95" customHeight="1" x14ac:dyDescent="0.15">
      <c r="A517" s="550">
        <v>6</v>
      </c>
      <c r="B517" s="551"/>
      <c r="C517" s="551"/>
      <c r="D517" s="551"/>
      <c r="E517" s="552"/>
      <c r="F517" s="578">
        <v>3922</v>
      </c>
      <c r="G517" s="237"/>
      <c r="H517" s="237"/>
      <c r="I517" s="237"/>
      <c r="J517" s="259">
        <v>3224</v>
      </c>
      <c r="K517" s="259"/>
      <c r="L517" s="259"/>
      <c r="M517" s="259"/>
      <c r="N517" s="259">
        <v>698</v>
      </c>
      <c r="O517" s="259"/>
      <c r="P517" s="259"/>
      <c r="Q517" s="259"/>
      <c r="R517" s="259">
        <v>124</v>
      </c>
      <c r="S517" s="259"/>
      <c r="T517" s="259"/>
      <c r="U517" s="259"/>
      <c r="V517" s="259">
        <v>48</v>
      </c>
      <c r="W517" s="259"/>
      <c r="X517" s="259"/>
      <c r="Y517" s="259"/>
      <c r="Z517" s="259">
        <v>2122</v>
      </c>
      <c r="AA517" s="259"/>
      <c r="AB517" s="259"/>
      <c r="AC517" s="259"/>
      <c r="AD517" s="259">
        <v>264</v>
      </c>
      <c r="AE517" s="259"/>
      <c r="AF517" s="259"/>
      <c r="AG517" s="339"/>
    </row>
    <row r="518" spans="1:33" ht="15.95" customHeight="1" x14ac:dyDescent="0.15">
      <c r="A518" s="8" t="s">
        <v>656</v>
      </c>
      <c r="B518" s="1"/>
      <c r="C518" s="1"/>
      <c r="D518" s="1"/>
      <c r="E518" s="1"/>
      <c r="F518" s="1"/>
      <c r="G518" s="1"/>
      <c r="H518" s="1"/>
      <c r="I518" s="1"/>
      <c r="J518" s="1"/>
      <c r="K518" s="1"/>
      <c r="L518" s="1"/>
      <c r="M518" s="1"/>
      <c r="N518" s="1"/>
      <c r="O518" s="1"/>
      <c r="P518" s="1"/>
      <c r="Q518" s="1"/>
      <c r="R518" s="1"/>
      <c r="S518" s="1"/>
      <c r="T518" s="1"/>
      <c r="U518" s="1"/>
      <c r="V518" s="1"/>
      <c r="W518" s="1"/>
      <c r="X518" s="1"/>
      <c r="Y518" s="1"/>
      <c r="Z518" s="1"/>
      <c r="AA518" s="15"/>
      <c r="AB518" s="15"/>
      <c r="AC518" s="15"/>
      <c r="AD518" s="15"/>
      <c r="AE518" s="15"/>
      <c r="AF518" s="15"/>
      <c r="AG518" s="3" t="s">
        <v>611</v>
      </c>
    </row>
    <row r="519" spans="1:33" ht="15.95" customHeight="1" x14ac:dyDescent="0.15">
      <c r="A519" s="1"/>
      <c r="B519" s="1"/>
      <c r="C519" s="1"/>
      <c r="D519" s="1"/>
      <c r="E519" s="1"/>
      <c r="F519" s="1"/>
      <c r="G519" s="1"/>
      <c r="H519" s="1"/>
      <c r="I519" s="1"/>
      <c r="J519" s="1"/>
      <c r="K519" s="1"/>
      <c r="L519" s="1"/>
      <c r="M519" s="1"/>
      <c r="N519" s="1"/>
      <c r="O519" s="1"/>
      <c r="P519" s="1"/>
      <c r="Q519" s="1"/>
      <c r="R519" s="1"/>
      <c r="S519" s="1"/>
      <c r="T519" s="1"/>
      <c r="U519" s="1"/>
      <c r="V519" s="1"/>
      <c r="W519" s="1"/>
      <c r="X519" s="1"/>
      <c r="Y519" s="1"/>
      <c r="Z519" s="1"/>
      <c r="AA519" s="1"/>
      <c r="AB519" s="1"/>
      <c r="AC519" s="1"/>
      <c r="AD519" s="1"/>
      <c r="AE519" s="1"/>
      <c r="AF519" s="1"/>
      <c r="AG519" s="1"/>
    </row>
  </sheetData>
  <protectedRanges>
    <protectedRange sqref="G199:I199 P199:AD199" name="範囲1_1"/>
    <protectedRange sqref="AE196:AG197 V192:X197" name="範囲1_3"/>
    <protectedRange sqref="P508:AG509" name="範囲1_9"/>
    <protectedRange sqref="I140:V142 Z140:AG142" name="範囲1_22"/>
    <protectedRange sqref="F206:AG210" name="範囲1_11"/>
    <protectedRange sqref="G500:AG501" name="範囲1_15"/>
    <protectedRange sqref="G318:I319 M318:AG319" name="範囲1_2"/>
    <protectedRange sqref="G317:I317 M317:AG317" name="範囲1_11_1"/>
    <protectedRange sqref="M327:AG328" name="範囲1_17"/>
    <protectedRange sqref="J516:AG517" name="範囲1_4"/>
    <protectedRange sqref="R490:AG493 D490:Q492 G493:Q493" name="範囲1"/>
    <protectedRange sqref="D493:F493" name="範囲1_10"/>
    <protectedRange sqref="J27:AG27 J54:AG55" name="範囲1_14"/>
    <protectedRange sqref="J28:AG28 J56:AG56" name="範囲1_16"/>
    <protectedRange sqref="I143:V143 Z143:AG143" name="範囲1_18"/>
    <protectedRange sqref="R345:U345 Z345:AC345 R334:AG344 AD364:AG369 AD373:AG373 AD376:AG376 AD379:AG379 AD386:AG386 R346:Y358 AD382:AG382" name="範囲1_24"/>
    <protectedRange sqref="J346:Q346 J345:M345 J334:Q344 J347:M358" name="範囲1_1_1"/>
    <protectedRange sqref="J21:AG26" name="範囲1_8"/>
    <protectedRange sqref="I91:AG99" name="範囲1_13"/>
    <protectedRange sqref="P307:AG309" name="範囲1_6"/>
    <protectedRange sqref="R378:U381 R364:U374 R383:U385" name="範囲1_28"/>
    <protectedRange sqref="Z364:AC386" name="範囲1_2_7"/>
    <protectedRange sqref="R394:AG407 AD408:AG414 R408:AC415" name="範囲1_29"/>
    <protectedRange sqref="AD387:AF387" name="範囲1_5"/>
    <protectedRange sqref="Z387:AC387" name="範囲1_2_2"/>
    <protectedRange sqref="V364:Y369 V371:Y371 N364:Q370 N375:Q375 N377:Q377 N386:Q386 V374:Y374 V378:Y378 V386:Y386 N382:Q382 V382:Y382" name="範囲1_28_1"/>
    <protectedRange sqref="AE458:AG459 AE460:AG460" name="範囲1_7_2_1_2"/>
    <protectedRange sqref="O436:Q462" name="範囲1_7_2_1_1_1_1"/>
    <protectedRange sqref="O464:Q474" name="範囲1_7_2_1_1_2"/>
    <protectedRange sqref="AE457:AG457" name="範囲1_4_1_2_1_1_2"/>
    <protectedRange sqref="O475:Q477 O479:Q481" name="範囲1_7_2_1_1_4"/>
    <protectedRange sqref="AE435:AG456" name="範囲1_4_1_2_1_1_1"/>
    <protectedRange sqref="O478:Q478" name="範囲1_7_2_1_1_3"/>
    <protectedRange sqref="R420:AG427" name="範囲1_7"/>
    <protectedRange sqref="J420:Q427" name="範囲1_7_1"/>
  </protectedRanges>
  <mergeCells count="2528">
    <mergeCell ref="S446:AD446"/>
    <mergeCell ref="C480:N480"/>
    <mergeCell ref="O480:Q480"/>
    <mergeCell ref="S461:AD461"/>
    <mergeCell ref="S445:AD445"/>
    <mergeCell ref="AE461:AG461"/>
    <mergeCell ref="R384:U384"/>
    <mergeCell ref="V384:Y384"/>
    <mergeCell ref="Z384:AC384"/>
    <mergeCell ref="AD384:AG384"/>
    <mergeCell ref="J385:M385"/>
    <mergeCell ref="N385:Q385"/>
    <mergeCell ref="R385:U385"/>
    <mergeCell ref="V385:Y385"/>
    <mergeCell ref="Z385:AC385"/>
    <mergeCell ref="AD385:AG385"/>
    <mergeCell ref="A409:I409"/>
    <mergeCell ref="A410:I410"/>
    <mergeCell ref="A411:I411"/>
    <mergeCell ref="A412:I412"/>
    <mergeCell ref="J409:M409"/>
    <mergeCell ref="N409:Q409"/>
    <mergeCell ref="R409:U409"/>
    <mergeCell ref="V409:Y409"/>
    <mergeCell ref="Z409:AC409"/>
    <mergeCell ref="AD409:AG409"/>
    <mergeCell ref="J410:M410"/>
    <mergeCell ref="N410:Q410"/>
    <mergeCell ref="R410:U410"/>
    <mergeCell ref="V410:Y410"/>
    <mergeCell ref="Z410:AC410"/>
    <mergeCell ref="AD410:AG410"/>
    <mergeCell ref="J411:M411"/>
    <mergeCell ref="N411:Q411"/>
    <mergeCell ref="R411:U411"/>
    <mergeCell ref="V411:Y411"/>
    <mergeCell ref="Z411:AC411"/>
    <mergeCell ref="AD411:AG411"/>
    <mergeCell ref="AD262:AG262"/>
    <mergeCell ref="A357:I357"/>
    <mergeCell ref="J357:M357"/>
    <mergeCell ref="N357:Q357"/>
    <mergeCell ref="R357:U357"/>
    <mergeCell ref="V357:Y357"/>
    <mergeCell ref="Z357:AC357"/>
    <mergeCell ref="AD357:AG357"/>
    <mergeCell ref="A382:I382"/>
    <mergeCell ref="J382:M382"/>
    <mergeCell ref="N382:Q382"/>
    <mergeCell ref="R382:U382"/>
    <mergeCell ref="V382:Y382"/>
    <mergeCell ref="Z382:AC382"/>
    <mergeCell ref="AD382:AG382"/>
    <mergeCell ref="J392:Q393"/>
    <mergeCell ref="V395:Y395"/>
    <mergeCell ref="N340:Q340"/>
    <mergeCell ref="A370:I370"/>
    <mergeCell ref="A371:I371"/>
    <mergeCell ref="A328:E328"/>
    <mergeCell ref="A316:C316"/>
    <mergeCell ref="A318:C318"/>
    <mergeCell ref="G318:I318"/>
    <mergeCell ref="F325:L325"/>
    <mergeCell ref="D319:F319"/>
    <mergeCell ref="A426:I426"/>
    <mergeCell ref="J426:M426"/>
    <mergeCell ref="N426:Q426"/>
    <mergeCell ref="R426:U426"/>
    <mergeCell ref="V426:Y426"/>
    <mergeCell ref="Z426:AC426"/>
    <mergeCell ref="AD426:AG426"/>
    <mergeCell ref="A427:I427"/>
    <mergeCell ref="J427:M427"/>
    <mergeCell ref="N427:Q427"/>
    <mergeCell ref="R427:U427"/>
    <mergeCell ref="V427:Y427"/>
    <mergeCell ref="Z427:AC427"/>
    <mergeCell ref="AD427:AG427"/>
    <mergeCell ref="A423:I423"/>
    <mergeCell ref="J423:M423"/>
    <mergeCell ref="N423:Q423"/>
    <mergeCell ref="R423:U423"/>
    <mergeCell ref="V423:Y423"/>
    <mergeCell ref="Z423:AC423"/>
    <mergeCell ref="AD423:AG423"/>
    <mergeCell ref="A424:I424"/>
    <mergeCell ref="J424:M424"/>
    <mergeCell ref="N424:Q424"/>
    <mergeCell ref="R424:U424"/>
    <mergeCell ref="V424:Y424"/>
    <mergeCell ref="Z424:AC424"/>
    <mergeCell ref="AD424:AG424"/>
    <mergeCell ref="A425:I425"/>
    <mergeCell ref="J425:M425"/>
    <mergeCell ref="N425:Q425"/>
    <mergeCell ref="R425:U425"/>
    <mergeCell ref="AD419:AG419"/>
    <mergeCell ref="V425:Y425"/>
    <mergeCell ref="Z425:AC425"/>
    <mergeCell ref="AD425:AG425"/>
    <mergeCell ref="A420:I420"/>
    <mergeCell ref="J420:M420"/>
    <mergeCell ref="N420:Q420"/>
    <mergeCell ref="R420:U420"/>
    <mergeCell ref="V420:Y420"/>
    <mergeCell ref="Z420:AC420"/>
    <mergeCell ref="AD420:AG420"/>
    <mergeCell ref="A421:I421"/>
    <mergeCell ref="J421:M421"/>
    <mergeCell ref="N421:Q421"/>
    <mergeCell ref="R421:U421"/>
    <mergeCell ref="V421:Y421"/>
    <mergeCell ref="Z421:AC421"/>
    <mergeCell ref="AD421:AG421"/>
    <mergeCell ref="A422:I422"/>
    <mergeCell ref="J422:M422"/>
    <mergeCell ref="N422:Q422"/>
    <mergeCell ref="R422:U422"/>
    <mergeCell ref="V422:Y422"/>
    <mergeCell ref="Z422:AC422"/>
    <mergeCell ref="AD422:AG422"/>
    <mergeCell ref="B52:D53"/>
    <mergeCell ref="E53:I53"/>
    <mergeCell ref="J53:L53"/>
    <mergeCell ref="M53:O53"/>
    <mergeCell ref="P53:U53"/>
    <mergeCell ref="V53:AA53"/>
    <mergeCell ref="AB53:AG53"/>
    <mergeCell ref="C478:N478"/>
    <mergeCell ref="N397:Q397"/>
    <mergeCell ref="C466:N466"/>
    <mergeCell ref="A486:C486"/>
    <mergeCell ref="AD398:AG398"/>
    <mergeCell ref="S443:AD443"/>
    <mergeCell ref="R447:AD447"/>
    <mergeCell ref="C469:N469"/>
    <mergeCell ref="O472:Q472"/>
    <mergeCell ref="AE442:AG442"/>
    <mergeCell ref="S440:AD440"/>
    <mergeCell ref="R441:AD441"/>
    <mergeCell ref="S439:AD439"/>
    <mergeCell ref="AE439:AG439"/>
    <mergeCell ref="B479:N479"/>
    <mergeCell ref="O479:Q479"/>
    <mergeCell ref="B451:N451"/>
    <mergeCell ref="B455:N455"/>
    <mergeCell ref="O455:Q455"/>
    <mergeCell ref="O453:Q453"/>
    <mergeCell ref="O471:Q471"/>
    <mergeCell ref="C476:N476"/>
    <mergeCell ref="B457:N457"/>
    <mergeCell ref="O457:Q457"/>
    <mergeCell ref="C477:N477"/>
    <mergeCell ref="J381:M381"/>
    <mergeCell ref="A380:I380"/>
    <mergeCell ref="AD372:AG372"/>
    <mergeCell ref="T327:Z327"/>
    <mergeCell ref="R356:U356"/>
    <mergeCell ref="V356:Y356"/>
    <mergeCell ref="Z374:AC374"/>
    <mergeCell ref="Z378:AC378"/>
    <mergeCell ref="R376:U376"/>
    <mergeCell ref="O438:Q438"/>
    <mergeCell ref="V408:Y408"/>
    <mergeCell ref="J402:M402"/>
    <mergeCell ref="J400:M400"/>
    <mergeCell ref="C473:N473"/>
    <mergeCell ref="O473:Q473"/>
    <mergeCell ref="N394:Q394"/>
    <mergeCell ref="N413:Q413"/>
    <mergeCell ref="J408:M408"/>
    <mergeCell ref="N405:Q405"/>
    <mergeCell ref="N402:Q402"/>
    <mergeCell ref="R368:U368"/>
    <mergeCell ref="A417:I417"/>
    <mergeCell ref="J417:Q417"/>
    <mergeCell ref="R417:Y417"/>
    <mergeCell ref="Z417:AG417"/>
    <mergeCell ref="A418:I418"/>
    <mergeCell ref="J418:M418"/>
    <mergeCell ref="N418:Q418"/>
    <mergeCell ref="R418:U418"/>
    <mergeCell ref="V418:Y418"/>
    <mergeCell ref="Z418:AC418"/>
    <mergeCell ref="V419:Y419"/>
    <mergeCell ref="A381:I381"/>
    <mergeCell ref="A388:I388"/>
    <mergeCell ref="A339:I339"/>
    <mergeCell ref="J386:M386"/>
    <mergeCell ref="R370:U370"/>
    <mergeCell ref="R377:U377"/>
    <mergeCell ref="J370:M370"/>
    <mergeCell ref="J388:M388"/>
    <mergeCell ref="A383:I383"/>
    <mergeCell ref="A384:I384"/>
    <mergeCell ref="A385:I385"/>
    <mergeCell ref="J383:M383"/>
    <mergeCell ref="N383:Q383"/>
    <mergeCell ref="R383:U383"/>
    <mergeCell ref="V383:Y383"/>
    <mergeCell ref="J384:M384"/>
    <mergeCell ref="N384:Q384"/>
    <mergeCell ref="A376:I376"/>
    <mergeCell ref="J376:M376"/>
    <mergeCell ref="A363:I363"/>
    <mergeCell ref="J344:M344"/>
    <mergeCell ref="V343:Y343"/>
    <mergeCell ref="A341:I341"/>
    <mergeCell ref="A366:I366"/>
    <mergeCell ref="A364:I364"/>
    <mergeCell ref="A365:I365"/>
    <mergeCell ref="R367:U367"/>
    <mergeCell ref="V367:Y367"/>
    <mergeCell ref="J365:M365"/>
    <mergeCell ref="N365:Q365"/>
    <mergeCell ref="A362:I362"/>
    <mergeCell ref="J374:M374"/>
    <mergeCell ref="Z381:AC381"/>
    <mergeCell ref="AD381:AG381"/>
    <mergeCell ref="J387:M387"/>
    <mergeCell ref="N387:Q387"/>
    <mergeCell ref="R387:U387"/>
    <mergeCell ref="V387:Y387"/>
    <mergeCell ref="Z380:AC380"/>
    <mergeCell ref="Z379:AC379"/>
    <mergeCell ref="R380:U380"/>
    <mergeCell ref="V380:Y380"/>
    <mergeCell ref="V378:Y378"/>
    <mergeCell ref="Z371:AC371"/>
    <mergeCell ref="F299:Q299"/>
    <mergeCell ref="Z362:AG363"/>
    <mergeCell ref="J366:M366"/>
    <mergeCell ref="J379:M379"/>
    <mergeCell ref="N379:Q379"/>
    <mergeCell ref="A379:I379"/>
    <mergeCell ref="AD379:AG379"/>
    <mergeCell ref="V374:Y374"/>
    <mergeCell ref="V365:Y365"/>
    <mergeCell ref="AD378:AG378"/>
    <mergeCell ref="P307:U307"/>
    <mergeCell ref="AB318:AD318"/>
    <mergeCell ref="AB317:AD317"/>
    <mergeCell ref="V299:Y299"/>
    <mergeCell ref="R379:U379"/>
    <mergeCell ref="V379:Y379"/>
    <mergeCell ref="Z383:AC383"/>
    <mergeCell ref="AD383:AG383"/>
    <mergeCell ref="N381:Q381"/>
    <mergeCell ref="R381:U381"/>
    <mergeCell ref="Z293:AC293"/>
    <mergeCell ref="A291:E291"/>
    <mergeCell ref="A277:E277"/>
    <mergeCell ref="F232:Q232"/>
    <mergeCell ref="R378:U378"/>
    <mergeCell ref="N374:Q374"/>
    <mergeCell ref="J377:M377"/>
    <mergeCell ref="R374:U374"/>
    <mergeCell ref="A324:E324"/>
    <mergeCell ref="V295:Y295"/>
    <mergeCell ref="V373:Y373"/>
    <mergeCell ref="V376:Y376"/>
    <mergeCell ref="R366:U366"/>
    <mergeCell ref="N378:Q378"/>
    <mergeCell ref="A262:E262"/>
    <mergeCell ref="F262:Q262"/>
    <mergeCell ref="R262:U262"/>
    <mergeCell ref="V262:Y262"/>
    <mergeCell ref="Z262:AC262"/>
    <mergeCell ref="M319:O319"/>
    <mergeCell ref="M314:X314"/>
    <mergeCell ref="V276:Y276"/>
    <mergeCell ref="V248:Y248"/>
    <mergeCell ref="V293:Y293"/>
    <mergeCell ref="V286:Y286"/>
    <mergeCell ref="R285:U285"/>
    <mergeCell ref="R287:U287"/>
    <mergeCell ref="F292:Q292"/>
    <mergeCell ref="A284:E284"/>
    <mergeCell ref="A293:E293"/>
    <mergeCell ref="R294:U294"/>
    <mergeCell ref="A374:I374"/>
    <mergeCell ref="W263:X263"/>
    <mergeCell ref="W264:X264"/>
    <mergeCell ref="F230:Q230"/>
    <mergeCell ref="F296:Q296"/>
    <mergeCell ref="V277:Y277"/>
    <mergeCell ref="A269:E269"/>
    <mergeCell ref="J314:L316"/>
    <mergeCell ref="A224:E224"/>
    <mergeCell ref="N356:Q356"/>
    <mergeCell ref="J380:M380"/>
    <mergeCell ref="N380:Q380"/>
    <mergeCell ref="J378:M378"/>
    <mergeCell ref="A378:I378"/>
    <mergeCell ref="A377:I377"/>
    <mergeCell ref="A292:E292"/>
    <mergeCell ref="P304:U305"/>
    <mergeCell ref="A288:E288"/>
    <mergeCell ref="A271:E271"/>
    <mergeCell ref="A296:E296"/>
    <mergeCell ref="A326:E326"/>
    <mergeCell ref="N370:Q370"/>
    <mergeCell ref="N371:Q371"/>
    <mergeCell ref="R371:U371"/>
    <mergeCell ref="A344:I344"/>
    <mergeCell ref="A346:I346"/>
    <mergeCell ref="A315:C315"/>
    <mergeCell ref="R299:U299"/>
    <mergeCell ref="A299:E299"/>
    <mergeCell ref="T326:Z326"/>
    <mergeCell ref="V309:AA309"/>
    <mergeCell ref="V308:AA308"/>
    <mergeCell ref="A367:I367"/>
    <mergeCell ref="R269:U269"/>
    <mergeCell ref="F256:Q256"/>
    <mergeCell ref="F261:Q261"/>
    <mergeCell ref="D318:F318"/>
    <mergeCell ref="S315:U316"/>
    <mergeCell ref="F295:Q295"/>
    <mergeCell ref="G319:I319"/>
    <mergeCell ref="A319:C319"/>
    <mergeCell ref="A264:E264"/>
    <mergeCell ref="A263:E263"/>
    <mergeCell ref="W260:X260"/>
    <mergeCell ref="A261:E261"/>
    <mergeCell ref="F249:Q249"/>
    <mergeCell ref="M318:O318"/>
    <mergeCell ref="P318:R318"/>
    <mergeCell ref="D317:F317"/>
    <mergeCell ref="A314:C314"/>
    <mergeCell ref="I309:O309"/>
    <mergeCell ref="A249:E249"/>
    <mergeCell ref="V265:Y265"/>
    <mergeCell ref="V294:Y294"/>
    <mergeCell ref="P319:R319"/>
    <mergeCell ref="A253:E253"/>
    <mergeCell ref="F253:Q253"/>
    <mergeCell ref="S253:T253"/>
    <mergeCell ref="F259:Q259"/>
    <mergeCell ref="A274:E274"/>
    <mergeCell ref="F267:Q267"/>
    <mergeCell ref="R267:U267"/>
    <mergeCell ref="F263:Q263"/>
    <mergeCell ref="A255:E255"/>
    <mergeCell ref="V261:Y261"/>
    <mergeCell ref="I304:O305"/>
    <mergeCell ref="M326:S326"/>
    <mergeCell ref="B172:F172"/>
    <mergeCell ref="B173:F173"/>
    <mergeCell ref="A244:E244"/>
    <mergeCell ref="A256:E256"/>
    <mergeCell ref="F217:Q217"/>
    <mergeCell ref="R277:U277"/>
    <mergeCell ref="F276:Q276"/>
    <mergeCell ref="R247:U247"/>
    <mergeCell ref="F240:Q240"/>
    <mergeCell ref="A239:E239"/>
    <mergeCell ref="F239:Q239"/>
    <mergeCell ref="A228:E228"/>
    <mergeCell ref="F228:Q228"/>
    <mergeCell ref="A232:E232"/>
    <mergeCell ref="A236:E236"/>
    <mergeCell ref="F236:Q236"/>
    <mergeCell ref="R236:U236"/>
    <mergeCell ref="A229:E229"/>
    <mergeCell ref="F229:Q229"/>
    <mergeCell ref="A217:E217"/>
    <mergeCell ref="A246:E246"/>
    <mergeCell ref="A219:E219"/>
    <mergeCell ref="A268:E268"/>
    <mergeCell ref="A218:E218"/>
    <mergeCell ref="A270:E270"/>
    <mergeCell ref="A230:E230"/>
    <mergeCell ref="A265:E265"/>
    <mergeCell ref="A267:E267"/>
    <mergeCell ref="A266:E266"/>
    <mergeCell ref="A260:E260"/>
    <mergeCell ref="AB304:AG305"/>
    <mergeCell ref="J334:M334"/>
    <mergeCell ref="J317:L317"/>
    <mergeCell ref="Z367:AC367"/>
    <mergeCell ref="Z369:AC369"/>
    <mergeCell ref="A373:I373"/>
    <mergeCell ref="A305:H305"/>
    <mergeCell ref="A285:E285"/>
    <mergeCell ref="N376:Q376"/>
    <mergeCell ref="J373:M373"/>
    <mergeCell ref="A327:E327"/>
    <mergeCell ref="V344:Y344"/>
    <mergeCell ref="R343:U343"/>
    <mergeCell ref="F324:L324"/>
    <mergeCell ref="J345:M345"/>
    <mergeCell ref="J358:M358"/>
    <mergeCell ref="N346:Q346"/>
    <mergeCell ref="N366:Q366"/>
    <mergeCell ref="A369:I369"/>
    <mergeCell ref="V370:Y370"/>
    <mergeCell ref="V371:Y371"/>
    <mergeCell ref="J332:Q333"/>
    <mergeCell ref="A332:I332"/>
    <mergeCell ref="A325:E325"/>
    <mergeCell ref="N368:Q368"/>
    <mergeCell ref="AB309:AG309"/>
    <mergeCell ref="V368:Y368"/>
    <mergeCell ref="V369:Y369"/>
    <mergeCell ref="Y317:AA317"/>
    <mergeCell ref="I307:O307"/>
    <mergeCell ref="I308:O308"/>
    <mergeCell ref="P308:U308"/>
    <mergeCell ref="A317:C317"/>
    <mergeCell ref="F328:L328"/>
    <mergeCell ref="AA324:AG325"/>
    <mergeCell ref="J337:M337"/>
    <mergeCell ref="M328:S328"/>
    <mergeCell ref="A337:I337"/>
    <mergeCell ref="Z346:AC346"/>
    <mergeCell ref="A340:I340"/>
    <mergeCell ref="AD377:AG377"/>
    <mergeCell ref="Z377:AC377"/>
    <mergeCell ref="AD376:AG376"/>
    <mergeCell ref="Z373:AC373"/>
    <mergeCell ref="Z376:AC376"/>
    <mergeCell ref="AD370:AG370"/>
    <mergeCell ref="Z370:AC370"/>
    <mergeCell ref="N373:Q373"/>
    <mergeCell ref="R373:U373"/>
    <mergeCell ref="N377:Q377"/>
    <mergeCell ref="Z372:AC372"/>
    <mergeCell ref="V377:Y377"/>
    <mergeCell ref="Z337:AC337"/>
    <mergeCell ref="V334:Y334"/>
    <mergeCell ref="S319:U319"/>
    <mergeCell ref="AE319:AG319"/>
    <mergeCell ref="AD346:AG346"/>
    <mergeCell ref="V366:Y366"/>
    <mergeCell ref="N369:Q369"/>
    <mergeCell ref="J362:Q363"/>
    <mergeCell ref="T325:Z325"/>
    <mergeCell ref="AD336:AG336"/>
    <mergeCell ref="N342:Q342"/>
    <mergeCell ref="Z334:AC334"/>
    <mergeCell ref="AD367:AG367"/>
    <mergeCell ref="Z358:AC358"/>
    <mergeCell ref="AD369:AG369"/>
    <mergeCell ref="R322:U322"/>
    <mergeCell ref="F327:L327"/>
    <mergeCell ref="F326:L326"/>
    <mergeCell ref="M325:S325"/>
    <mergeCell ref="J368:M368"/>
    <mergeCell ref="Z336:AC336"/>
    <mergeCell ref="AB307:AG307"/>
    <mergeCell ref="I306:O306"/>
    <mergeCell ref="AB306:AG306"/>
    <mergeCell ref="J346:M346"/>
    <mergeCell ref="V358:Y358"/>
    <mergeCell ref="AA327:AG327"/>
    <mergeCell ref="J318:L318"/>
    <mergeCell ref="V317:X317"/>
    <mergeCell ref="V315:X316"/>
    <mergeCell ref="AD368:AG368"/>
    <mergeCell ref="V307:AA307"/>
    <mergeCell ref="R334:U334"/>
    <mergeCell ref="R335:U335"/>
    <mergeCell ref="Y314:AG314"/>
    <mergeCell ref="AB308:AG308"/>
    <mergeCell ref="A368:I368"/>
    <mergeCell ref="Z366:AC366"/>
    <mergeCell ref="J369:M369"/>
    <mergeCell ref="R338:U338"/>
    <mergeCell ref="V338:Y338"/>
    <mergeCell ref="N334:Q334"/>
    <mergeCell ref="AD340:AG340"/>
    <mergeCell ref="R340:U340"/>
    <mergeCell ref="AD277:AG277"/>
    <mergeCell ref="F275:Q275"/>
    <mergeCell ref="R275:U275"/>
    <mergeCell ref="Z292:AC292"/>
    <mergeCell ref="R289:U289"/>
    <mergeCell ref="F277:Q277"/>
    <mergeCell ref="R292:U292"/>
    <mergeCell ref="AD293:AG293"/>
    <mergeCell ref="Z285:AC285"/>
    <mergeCell ref="Z277:AC277"/>
    <mergeCell ref="V267:Y267"/>
    <mergeCell ref="Z267:AC267"/>
    <mergeCell ref="AD286:AG286"/>
    <mergeCell ref="V271:Y271"/>
    <mergeCell ref="F269:Q269"/>
    <mergeCell ref="V266:Y266"/>
    <mergeCell ref="Z266:AC266"/>
    <mergeCell ref="R273:U273"/>
    <mergeCell ref="A273:Q273"/>
    <mergeCell ref="A281:E281"/>
    <mergeCell ref="F281:Q281"/>
    <mergeCell ref="R281:U281"/>
    <mergeCell ref="V281:Y281"/>
    <mergeCell ref="Z281:AC281"/>
    <mergeCell ref="AD281:AG281"/>
    <mergeCell ref="A282:E282"/>
    <mergeCell ref="F282:Q282"/>
    <mergeCell ref="R282:U282"/>
    <mergeCell ref="V282:Y282"/>
    <mergeCell ref="Z282:AC282"/>
    <mergeCell ref="AD282:AG282"/>
    <mergeCell ref="Z271:AC271"/>
    <mergeCell ref="AD271:AG271"/>
    <mergeCell ref="F274:Q274"/>
    <mergeCell ref="R274:U274"/>
    <mergeCell ref="V274:Y274"/>
    <mergeCell ref="Z276:AC276"/>
    <mergeCell ref="F270:Q270"/>
    <mergeCell ref="R270:U270"/>
    <mergeCell ref="V275:Y275"/>
    <mergeCell ref="Z274:AC274"/>
    <mergeCell ref="AD274:AG274"/>
    <mergeCell ref="F271:Q271"/>
    <mergeCell ref="Z275:AC275"/>
    <mergeCell ref="F266:Q266"/>
    <mergeCell ref="Z253:AC253"/>
    <mergeCell ref="A254:E254"/>
    <mergeCell ref="F254:Q254"/>
    <mergeCell ref="Z254:AC254"/>
    <mergeCell ref="R261:U261"/>
    <mergeCell ref="F265:Q265"/>
    <mergeCell ref="Z265:AC265"/>
    <mergeCell ref="AD261:AG261"/>
    <mergeCell ref="A257:E257"/>
    <mergeCell ref="F257:Q257"/>
    <mergeCell ref="Z257:AC257"/>
    <mergeCell ref="AD257:AG257"/>
    <mergeCell ref="A258:E258"/>
    <mergeCell ref="F258:Q258"/>
    <mergeCell ref="Z258:AC258"/>
    <mergeCell ref="AD258:AG258"/>
    <mergeCell ref="S257:T257"/>
    <mergeCell ref="W257:X257"/>
    <mergeCell ref="A259:E259"/>
    <mergeCell ref="Z259:AC259"/>
    <mergeCell ref="AD259:AG259"/>
    <mergeCell ref="Z261:AC261"/>
    <mergeCell ref="Z260:AC260"/>
    <mergeCell ref="W259:X259"/>
    <mergeCell ref="AD263:AG263"/>
    <mergeCell ref="Z264:AC264"/>
    <mergeCell ref="AD264:AG264"/>
    <mergeCell ref="Z263:AC263"/>
    <mergeCell ref="AD265:AG265"/>
    <mergeCell ref="F246:Q246"/>
    <mergeCell ref="R246:U246"/>
    <mergeCell ref="A247:E247"/>
    <mergeCell ref="F247:Q247"/>
    <mergeCell ref="V247:Y247"/>
    <mergeCell ref="Z247:AC247"/>
    <mergeCell ref="AD247:AG247"/>
    <mergeCell ref="Z250:AC250"/>
    <mergeCell ref="AD250:AG250"/>
    <mergeCell ref="R249:U249"/>
    <mergeCell ref="V249:Y249"/>
    <mergeCell ref="A251:E251"/>
    <mergeCell ref="F251:Q251"/>
    <mergeCell ref="Z251:AC251"/>
    <mergeCell ref="AD251:AG251"/>
    <mergeCell ref="S251:T251"/>
    <mergeCell ref="W251:X251"/>
    <mergeCell ref="Z248:AC248"/>
    <mergeCell ref="AD248:AG248"/>
    <mergeCell ref="A248:E248"/>
    <mergeCell ref="F248:Q248"/>
    <mergeCell ref="R250:U250"/>
    <mergeCell ref="A242:E242"/>
    <mergeCell ref="F242:Q242"/>
    <mergeCell ref="R242:U242"/>
    <mergeCell ref="Z242:AC242"/>
    <mergeCell ref="W242:X242"/>
    <mergeCell ref="A243:E243"/>
    <mergeCell ref="F243:Q243"/>
    <mergeCell ref="R243:U243"/>
    <mergeCell ref="Z243:AC243"/>
    <mergeCell ref="AD243:AG243"/>
    <mergeCell ref="R245:U245"/>
    <mergeCell ref="V245:Y245"/>
    <mergeCell ref="Z245:AC245"/>
    <mergeCell ref="AD245:AG245"/>
    <mergeCell ref="A245:E245"/>
    <mergeCell ref="AD242:AG242"/>
    <mergeCell ref="F244:Q244"/>
    <mergeCell ref="F245:Q245"/>
    <mergeCell ref="A233:E233"/>
    <mergeCell ref="F233:Q233"/>
    <mergeCell ref="R233:U233"/>
    <mergeCell ref="Z233:AC233"/>
    <mergeCell ref="V237:Y237"/>
    <mergeCell ref="Z237:AC237"/>
    <mergeCell ref="AD237:AG237"/>
    <mergeCell ref="R239:U239"/>
    <mergeCell ref="A238:E238"/>
    <mergeCell ref="R238:U238"/>
    <mergeCell ref="A241:E241"/>
    <mergeCell ref="F241:Q241"/>
    <mergeCell ref="W239:X239"/>
    <mergeCell ref="A240:E240"/>
    <mergeCell ref="A234:E234"/>
    <mergeCell ref="F234:Q234"/>
    <mergeCell ref="R234:U234"/>
    <mergeCell ref="Z234:AC234"/>
    <mergeCell ref="AD234:AG234"/>
    <mergeCell ref="A235:E235"/>
    <mergeCell ref="F235:Q235"/>
    <mergeCell ref="R235:U235"/>
    <mergeCell ref="Z235:AC235"/>
    <mergeCell ref="AD235:AG235"/>
    <mergeCell ref="W241:X241"/>
    <mergeCell ref="A237:E237"/>
    <mergeCell ref="AD238:AG238"/>
    <mergeCell ref="R240:U240"/>
    <mergeCell ref="W240:X240"/>
    <mergeCell ref="Z240:AC240"/>
    <mergeCell ref="AD240:AG240"/>
    <mergeCell ref="R241:U241"/>
    <mergeCell ref="A231:E231"/>
    <mergeCell ref="V222:Y222"/>
    <mergeCell ref="Z226:AC226"/>
    <mergeCell ref="AD226:AG226"/>
    <mergeCell ref="R232:U232"/>
    <mergeCell ref="Z232:AC232"/>
    <mergeCell ref="AD232:AG232"/>
    <mergeCell ref="F226:Q226"/>
    <mergeCell ref="R226:U226"/>
    <mergeCell ref="V219:Y219"/>
    <mergeCell ref="Z220:AC220"/>
    <mergeCell ref="AD223:AG223"/>
    <mergeCell ref="A223:E223"/>
    <mergeCell ref="F223:Q223"/>
    <mergeCell ref="R223:U223"/>
    <mergeCell ref="V223:Y223"/>
    <mergeCell ref="Z223:AC223"/>
    <mergeCell ref="F219:Q219"/>
    <mergeCell ref="R219:U219"/>
    <mergeCell ref="Z219:AC219"/>
    <mergeCell ref="AD219:AG219"/>
    <mergeCell ref="Z222:AC222"/>
    <mergeCell ref="AD222:AG222"/>
    <mergeCell ref="A221:E221"/>
    <mergeCell ref="F221:Q221"/>
    <mergeCell ref="R221:U221"/>
    <mergeCell ref="V225:Y225"/>
    <mergeCell ref="R228:U228"/>
    <mergeCell ref="V221:Y221"/>
    <mergeCell ref="Z221:AC221"/>
    <mergeCell ref="A220:E220"/>
    <mergeCell ref="F224:Q224"/>
    <mergeCell ref="AK471:AS471"/>
    <mergeCell ref="V403:Y403"/>
    <mergeCell ref="N401:Q401"/>
    <mergeCell ref="R398:U398"/>
    <mergeCell ref="V401:Y401"/>
    <mergeCell ref="R400:U400"/>
    <mergeCell ref="V396:Y396"/>
    <mergeCell ref="V400:Y400"/>
    <mergeCell ref="N400:Q400"/>
    <mergeCell ref="R399:U399"/>
    <mergeCell ref="V399:Y399"/>
    <mergeCell ref="R401:U401"/>
    <mergeCell ref="N414:Q414"/>
    <mergeCell ref="N408:Q408"/>
    <mergeCell ref="R414:U414"/>
    <mergeCell ref="Z404:AC404"/>
    <mergeCell ref="N403:Q403"/>
    <mergeCell ref="N398:Q398"/>
    <mergeCell ref="Z399:AC399"/>
    <mergeCell ref="B449:N449"/>
    <mergeCell ref="O449:Q449"/>
    <mergeCell ref="A400:I400"/>
    <mergeCell ref="AE433:AG434"/>
    <mergeCell ref="B436:N436"/>
    <mergeCell ref="O436:Q436"/>
    <mergeCell ref="A435:N435"/>
    <mergeCell ref="B442:N442"/>
    <mergeCell ref="R435:AD435"/>
    <mergeCell ref="S436:AD436"/>
    <mergeCell ref="R437:AD437"/>
    <mergeCell ref="AE445:AG445"/>
    <mergeCell ref="V405:Y405"/>
    <mergeCell ref="Z288:AC288"/>
    <mergeCell ref="A286:E286"/>
    <mergeCell ref="A287:E287"/>
    <mergeCell ref="Z284:AC284"/>
    <mergeCell ref="AD295:AG295"/>
    <mergeCell ref="AD294:AG294"/>
    <mergeCell ref="R286:U286"/>
    <mergeCell ref="AD291:AG291"/>
    <mergeCell ref="G314:I316"/>
    <mergeCell ref="AD296:AG296"/>
    <mergeCell ref="F293:Q293"/>
    <mergeCell ref="R293:U293"/>
    <mergeCell ref="F297:Q297"/>
    <mergeCell ref="A298:E298"/>
    <mergeCell ref="F298:Q298"/>
    <mergeCell ref="R298:U298"/>
    <mergeCell ref="V298:Y298"/>
    <mergeCell ref="Z298:AC298"/>
    <mergeCell ref="R296:U296"/>
    <mergeCell ref="V291:Y291"/>
    <mergeCell ref="A308:H308"/>
    <mergeCell ref="A289:E289"/>
    <mergeCell ref="AD297:AG297"/>
    <mergeCell ref="A304:H304"/>
    <mergeCell ref="P309:U309"/>
    <mergeCell ref="A309:H309"/>
    <mergeCell ref="D314:F316"/>
    <mergeCell ref="V306:AA306"/>
    <mergeCell ref="V284:Y284"/>
    <mergeCell ref="A297:E297"/>
    <mergeCell ref="Z297:AC297"/>
    <mergeCell ref="Z299:AC299"/>
    <mergeCell ref="Z296:AC296"/>
    <mergeCell ref="R291:U291"/>
    <mergeCell ref="Z397:AC397"/>
    <mergeCell ref="Z396:AC396"/>
    <mergeCell ref="V394:Y394"/>
    <mergeCell ref="V397:Y397"/>
    <mergeCell ref="C471:N471"/>
    <mergeCell ref="AE458:AG458"/>
    <mergeCell ref="O435:Q435"/>
    <mergeCell ref="AD380:AG380"/>
    <mergeCell ref="Z386:AC386"/>
    <mergeCell ref="O440:Q440"/>
    <mergeCell ref="Z394:AC394"/>
    <mergeCell ref="Z294:AC294"/>
    <mergeCell ref="R297:U297"/>
    <mergeCell ref="Z405:AC405"/>
    <mergeCell ref="V402:Y402"/>
    <mergeCell ref="AD394:AG394"/>
    <mergeCell ref="R392:Y393"/>
    <mergeCell ref="A408:I408"/>
    <mergeCell ref="R403:U403"/>
    <mergeCell ref="R404:U404"/>
    <mergeCell ref="N399:Q399"/>
    <mergeCell ref="J405:M405"/>
    <mergeCell ref="V413:Y413"/>
    <mergeCell ref="AD413:AG413"/>
    <mergeCell ref="A413:I413"/>
    <mergeCell ref="V296:Y296"/>
    <mergeCell ref="V297:Y297"/>
    <mergeCell ref="AB319:AD319"/>
    <mergeCell ref="Z332:AG333"/>
    <mergeCell ref="J364:M364"/>
    <mergeCell ref="AD269:AG269"/>
    <mergeCell ref="V319:X319"/>
    <mergeCell ref="P315:R316"/>
    <mergeCell ref="S318:U318"/>
    <mergeCell ref="P317:R317"/>
    <mergeCell ref="AD267:AG267"/>
    <mergeCell ref="AD287:AG287"/>
    <mergeCell ref="Z287:AC287"/>
    <mergeCell ref="AD275:AG275"/>
    <mergeCell ref="AD276:AG276"/>
    <mergeCell ref="A280:E280"/>
    <mergeCell ref="F280:Q280"/>
    <mergeCell ref="M315:O316"/>
    <mergeCell ref="M317:O317"/>
    <mergeCell ref="J319:L319"/>
    <mergeCell ref="Y315:AA316"/>
    <mergeCell ref="S317:U317"/>
    <mergeCell ref="AB315:AD316"/>
    <mergeCell ref="AE317:AG317"/>
    <mergeCell ref="V288:Y288"/>
    <mergeCell ref="A275:E275"/>
    <mergeCell ref="A307:H307"/>
    <mergeCell ref="AD289:AG289"/>
    <mergeCell ref="A278:E278"/>
    <mergeCell ref="F278:Q278"/>
    <mergeCell ref="R278:U278"/>
    <mergeCell ref="V278:Y278"/>
    <mergeCell ref="Z278:AC278"/>
    <mergeCell ref="AD278:AG278"/>
    <mergeCell ref="A279:E279"/>
    <mergeCell ref="F279:Q279"/>
    <mergeCell ref="R279:U279"/>
    <mergeCell ref="D488:F488"/>
    <mergeCell ref="D490:F490"/>
    <mergeCell ref="G490:I490"/>
    <mergeCell ref="G489:I489"/>
    <mergeCell ref="J488:L488"/>
    <mergeCell ref="M488:O488"/>
    <mergeCell ref="A490:C491"/>
    <mergeCell ref="D489:F489"/>
    <mergeCell ref="A488:C489"/>
    <mergeCell ref="M489:O489"/>
    <mergeCell ref="J489:L489"/>
    <mergeCell ref="G488:I488"/>
    <mergeCell ref="AB486:AD487"/>
    <mergeCell ref="M486:O487"/>
    <mergeCell ref="Y490:AA490"/>
    <mergeCell ref="P491:R491"/>
    <mergeCell ref="V488:X488"/>
    <mergeCell ref="Y489:AA489"/>
    <mergeCell ref="G491:I491"/>
    <mergeCell ref="P489:R489"/>
    <mergeCell ref="AB491:AD491"/>
    <mergeCell ref="V491:X491"/>
    <mergeCell ref="V489:X489"/>
    <mergeCell ref="Y491:AA491"/>
    <mergeCell ref="J490:L490"/>
    <mergeCell ref="D491:F491"/>
    <mergeCell ref="M491:O491"/>
    <mergeCell ref="M490:O490"/>
    <mergeCell ref="S488:U488"/>
    <mergeCell ref="V486:X487"/>
    <mergeCell ref="J486:L487"/>
    <mergeCell ref="G486:I487"/>
    <mergeCell ref="O461:Q461"/>
    <mergeCell ref="A460:N460"/>
    <mergeCell ref="O460:Q460"/>
    <mergeCell ref="A485:C485"/>
    <mergeCell ref="A484:C484"/>
    <mergeCell ref="C481:N481"/>
    <mergeCell ref="J399:M399"/>
    <mergeCell ref="O467:Q467"/>
    <mergeCell ref="AD400:AG400"/>
    <mergeCell ref="AD405:AG405"/>
    <mergeCell ref="J401:M401"/>
    <mergeCell ref="Z403:AC403"/>
    <mergeCell ref="A404:I404"/>
    <mergeCell ref="V398:Y398"/>
    <mergeCell ref="A393:I393"/>
    <mergeCell ref="A397:I397"/>
    <mergeCell ref="A386:I386"/>
    <mergeCell ref="J413:M413"/>
    <mergeCell ref="Z413:AC413"/>
    <mergeCell ref="O444:Q444"/>
    <mergeCell ref="B453:N453"/>
    <mergeCell ref="O433:Q434"/>
    <mergeCell ref="AD402:AG402"/>
    <mergeCell ref="A405:I405"/>
    <mergeCell ref="Z402:AC402"/>
    <mergeCell ref="O478:Q478"/>
    <mergeCell ref="C474:N474"/>
    <mergeCell ref="J394:M394"/>
    <mergeCell ref="R419:U419"/>
    <mergeCell ref="AE476:AG476"/>
    <mergeCell ref="A463:N463"/>
    <mergeCell ref="Z419:AC419"/>
    <mergeCell ref="AD374:AG374"/>
    <mergeCell ref="J415:M415"/>
    <mergeCell ref="N415:Q415"/>
    <mergeCell ref="R415:U415"/>
    <mergeCell ref="V415:Y415"/>
    <mergeCell ref="AD399:AG399"/>
    <mergeCell ref="R413:U413"/>
    <mergeCell ref="V414:Y414"/>
    <mergeCell ref="A394:I394"/>
    <mergeCell ref="A392:I392"/>
    <mergeCell ref="J412:M412"/>
    <mergeCell ref="N412:Q412"/>
    <mergeCell ref="R412:U412"/>
    <mergeCell ref="V412:Y412"/>
    <mergeCell ref="Z412:AC412"/>
    <mergeCell ref="AD412:AG412"/>
    <mergeCell ref="D484:L485"/>
    <mergeCell ref="S442:AD442"/>
    <mergeCell ref="O466:Q466"/>
    <mergeCell ref="C467:N467"/>
    <mergeCell ref="O477:Q477"/>
    <mergeCell ref="O463:Q463"/>
    <mergeCell ref="B450:N450"/>
    <mergeCell ref="O450:Q450"/>
    <mergeCell ref="O451:Q451"/>
    <mergeCell ref="B452:N452"/>
    <mergeCell ref="A399:I399"/>
    <mergeCell ref="R394:U394"/>
    <mergeCell ref="AD418:AG418"/>
    <mergeCell ref="A419:I419"/>
    <mergeCell ref="J419:M419"/>
    <mergeCell ref="N419:Q419"/>
    <mergeCell ref="A487:C487"/>
    <mergeCell ref="AD396:AG396"/>
    <mergeCell ref="A395:I395"/>
    <mergeCell ref="A398:I398"/>
    <mergeCell ref="N396:Q396"/>
    <mergeCell ref="J397:M397"/>
    <mergeCell ref="J396:M396"/>
    <mergeCell ref="B475:N475"/>
    <mergeCell ref="AE435:AG435"/>
    <mergeCell ref="D486:F487"/>
    <mergeCell ref="R402:U402"/>
    <mergeCell ref="J414:M414"/>
    <mergeCell ref="N404:Q404"/>
    <mergeCell ref="Z401:AC401"/>
    <mergeCell ref="N395:Q395"/>
    <mergeCell ref="J395:M395"/>
    <mergeCell ref="J398:M398"/>
    <mergeCell ref="A396:I396"/>
    <mergeCell ref="O442:Q442"/>
    <mergeCell ref="AD395:AG395"/>
    <mergeCell ref="C468:N468"/>
    <mergeCell ref="O468:Q468"/>
    <mergeCell ref="A462:N462"/>
    <mergeCell ref="Z395:AC395"/>
    <mergeCell ref="B443:N443"/>
    <mergeCell ref="O443:Q443"/>
    <mergeCell ref="B444:N444"/>
    <mergeCell ref="B446:N446"/>
    <mergeCell ref="AE449:AG449"/>
    <mergeCell ref="A403:I403"/>
    <mergeCell ref="A401:I401"/>
    <mergeCell ref="R395:U395"/>
    <mergeCell ref="W140:Y140"/>
    <mergeCell ref="AE192:AG192"/>
    <mergeCell ref="A188:F188"/>
    <mergeCell ref="O441:Q441"/>
    <mergeCell ref="S468:AD468"/>
    <mergeCell ref="W141:Y141"/>
    <mergeCell ref="S148:W148"/>
    <mergeCell ref="G194:I194"/>
    <mergeCell ref="B195:F195"/>
    <mergeCell ref="J195:L195"/>
    <mergeCell ref="S197:U197"/>
    <mergeCell ref="AD266:AG266"/>
    <mergeCell ref="V290:Y290"/>
    <mergeCell ref="V285:Y285"/>
    <mergeCell ref="AD292:AG292"/>
    <mergeCell ref="V287:Y287"/>
    <mergeCell ref="V289:Y289"/>
    <mergeCell ref="F287:Q287"/>
    <mergeCell ref="AD260:AG260"/>
    <mergeCell ref="F284:Q284"/>
    <mergeCell ref="R284:U284"/>
    <mergeCell ref="Z400:AC400"/>
    <mergeCell ref="AE455:AG455"/>
    <mergeCell ref="B437:N437"/>
    <mergeCell ref="AD403:AG403"/>
    <mergeCell ref="AE451:AG451"/>
    <mergeCell ref="AE440:AG440"/>
    <mergeCell ref="O459:Q459"/>
    <mergeCell ref="D142:H142"/>
    <mergeCell ref="AD254:AG254"/>
    <mergeCell ref="W254:X254"/>
    <mergeCell ref="O454:Q454"/>
    <mergeCell ref="X149:AB149"/>
    <mergeCell ref="W139:Y139"/>
    <mergeCell ref="Z139:AC139"/>
    <mergeCell ref="S444:AD444"/>
    <mergeCell ref="AE444:AG444"/>
    <mergeCell ref="A433:N434"/>
    <mergeCell ref="R433:AD434"/>
    <mergeCell ref="B439:N439"/>
    <mergeCell ref="O439:Q439"/>
    <mergeCell ref="A415:I415"/>
    <mergeCell ref="A402:I402"/>
    <mergeCell ref="B447:N447"/>
    <mergeCell ref="O447:Q447"/>
    <mergeCell ref="B448:N448"/>
    <mergeCell ref="O448:Q448"/>
    <mergeCell ref="B445:N445"/>
    <mergeCell ref="O445:Q445"/>
    <mergeCell ref="J404:M404"/>
    <mergeCell ref="J403:M403"/>
    <mergeCell ref="S438:AD438"/>
    <mergeCell ref="O437:Q437"/>
    <mergeCell ref="AE446:AG446"/>
    <mergeCell ref="AE447:AG447"/>
    <mergeCell ref="AE436:AG436"/>
    <mergeCell ref="B438:N438"/>
    <mergeCell ref="B440:N440"/>
    <mergeCell ref="AE437:AG437"/>
    <mergeCell ref="AE438:AG438"/>
    <mergeCell ref="W258:X258"/>
    <mergeCell ref="S259:T259"/>
    <mergeCell ref="AC148:AG148"/>
    <mergeCell ref="AE168:AG168"/>
    <mergeCell ref="AE67:AG67"/>
    <mergeCell ref="Y65:AA65"/>
    <mergeCell ref="AC151:AG151"/>
    <mergeCell ref="X150:AB150"/>
    <mergeCell ref="G150:M150"/>
    <mergeCell ref="S140:V140"/>
    <mergeCell ref="G147:AG147"/>
    <mergeCell ref="AE169:AG169"/>
    <mergeCell ref="AB158:AD158"/>
    <mergeCell ref="AD142:AG142"/>
    <mergeCell ref="C158:F158"/>
    <mergeCell ref="M159:O159"/>
    <mergeCell ref="M157:O157"/>
    <mergeCell ref="N151:R151"/>
    <mergeCell ref="A160:B160"/>
    <mergeCell ref="O143:R143"/>
    <mergeCell ref="Z140:AC140"/>
    <mergeCell ref="A158:B158"/>
    <mergeCell ref="C160:F160"/>
    <mergeCell ref="A167:F167"/>
    <mergeCell ref="AC150:AG150"/>
    <mergeCell ref="P157:R157"/>
    <mergeCell ref="M168:O168"/>
    <mergeCell ref="B143:C143"/>
    <mergeCell ref="J160:L160"/>
    <mergeCell ref="A147:F147"/>
    <mergeCell ref="N148:R148"/>
    <mergeCell ref="AE158:AG158"/>
    <mergeCell ref="W142:Y142"/>
    <mergeCell ref="O141:R141"/>
    <mergeCell ref="X148:AB148"/>
    <mergeCell ref="V159:X159"/>
    <mergeCell ref="J70:L70"/>
    <mergeCell ref="A88:H88"/>
    <mergeCell ref="A89:H89"/>
    <mergeCell ref="S68:U68"/>
    <mergeCell ref="Y69:AA69"/>
    <mergeCell ref="W90:Y90"/>
    <mergeCell ref="H80:J80"/>
    <mergeCell ref="P68:R68"/>
    <mergeCell ref="B71:F71"/>
    <mergeCell ref="A79:D79"/>
    <mergeCell ref="V70:X70"/>
    <mergeCell ref="N81:P81"/>
    <mergeCell ref="AD90:AG90"/>
    <mergeCell ref="A78:D78"/>
    <mergeCell ref="A90:H90"/>
    <mergeCell ref="AB69:AD69"/>
    <mergeCell ref="G69:I69"/>
    <mergeCell ref="J68:L68"/>
    <mergeCell ref="V26:AA26"/>
    <mergeCell ref="V23:AA23"/>
    <mergeCell ref="AB23:AG23"/>
    <mergeCell ref="J27:L27"/>
    <mergeCell ref="M26:O26"/>
    <mergeCell ref="Z88:AC89"/>
    <mergeCell ref="Q79:S79"/>
    <mergeCell ref="V24:AA24"/>
    <mergeCell ref="A63:F63"/>
    <mergeCell ref="P64:X64"/>
    <mergeCell ref="E28:I28"/>
    <mergeCell ref="B27:D28"/>
    <mergeCell ref="K127:Z127"/>
    <mergeCell ref="P119:R119"/>
    <mergeCell ref="W131:Z131"/>
    <mergeCell ref="A37:F37"/>
    <mergeCell ref="A67:F67"/>
    <mergeCell ref="V71:X71"/>
    <mergeCell ref="Y71:AA71"/>
    <mergeCell ref="T82:V82"/>
    <mergeCell ref="O131:R131"/>
    <mergeCell ref="J37:L37"/>
    <mergeCell ref="Y40:AA40"/>
    <mergeCell ref="M51:O51"/>
    <mergeCell ref="I92:K92"/>
    <mergeCell ref="S96:V96"/>
    <mergeCell ref="A114:F114"/>
    <mergeCell ref="W94:Y94"/>
    <mergeCell ref="J119:L119"/>
    <mergeCell ref="M65:O65"/>
    <mergeCell ref="V68:X68"/>
    <mergeCell ref="P71:R71"/>
    <mergeCell ref="E56:I56"/>
    <mergeCell ref="S139:V139"/>
    <mergeCell ref="D143:H143"/>
    <mergeCell ref="A150:F150"/>
    <mergeCell ref="A156:F157"/>
    <mergeCell ref="B193:F193"/>
    <mergeCell ref="G193:I193"/>
    <mergeCell ref="P193:R193"/>
    <mergeCell ref="AD143:AG143"/>
    <mergeCell ref="P38:R38"/>
    <mergeCell ref="S38:U38"/>
    <mergeCell ref="V38:X38"/>
    <mergeCell ref="P39:R39"/>
    <mergeCell ref="P40:R40"/>
    <mergeCell ref="A36:F36"/>
    <mergeCell ref="G36:I36"/>
    <mergeCell ref="B40:F40"/>
    <mergeCell ref="G40:I40"/>
    <mergeCell ref="M38:O38"/>
    <mergeCell ref="J51:L51"/>
    <mergeCell ref="K128:N128"/>
    <mergeCell ref="E80:G80"/>
    <mergeCell ref="A82:D82"/>
    <mergeCell ref="AB68:AD68"/>
    <mergeCell ref="A64:F64"/>
    <mergeCell ref="G63:O63"/>
    <mergeCell ref="V56:AA56"/>
    <mergeCell ref="S192:U192"/>
    <mergeCell ref="Z90:AC90"/>
    <mergeCell ref="AB73:AD73"/>
    <mergeCell ref="Y73:AA73"/>
    <mergeCell ref="G71:I71"/>
    <mergeCell ref="AB22:AG22"/>
    <mergeCell ref="P22:U22"/>
    <mergeCell ref="V21:AA21"/>
    <mergeCell ref="AB21:AG21"/>
    <mergeCell ref="AB26:AG26"/>
    <mergeCell ref="V28:AA28"/>
    <mergeCell ref="V25:AA25"/>
    <mergeCell ref="P26:U26"/>
    <mergeCell ref="P21:U21"/>
    <mergeCell ref="E26:I26"/>
    <mergeCell ref="J36:L36"/>
    <mergeCell ref="J40:L40"/>
    <mergeCell ref="M40:O40"/>
    <mergeCell ref="G37:I37"/>
    <mergeCell ref="J11:L11"/>
    <mergeCell ref="J12:L12"/>
    <mergeCell ref="M12:O12"/>
    <mergeCell ref="P13:R13"/>
    <mergeCell ref="M19:O19"/>
    <mergeCell ref="E23:I23"/>
    <mergeCell ref="E24:I24"/>
    <mergeCell ref="AB36:AD36"/>
    <mergeCell ref="AE36:AG36"/>
    <mergeCell ref="M36:O36"/>
    <mergeCell ref="A38:F38"/>
    <mergeCell ref="V22:AA22"/>
    <mergeCell ref="E27:I27"/>
    <mergeCell ref="M23:O23"/>
    <mergeCell ref="J22:L22"/>
    <mergeCell ref="M24:O24"/>
    <mergeCell ref="J24:L24"/>
    <mergeCell ref="M27:O27"/>
    <mergeCell ref="M9:O9"/>
    <mergeCell ref="M8:O8"/>
    <mergeCell ref="G118:I118"/>
    <mergeCell ref="I93:K93"/>
    <mergeCell ref="O99:R99"/>
    <mergeCell ref="L96:N96"/>
    <mergeCell ref="P28:U28"/>
    <mergeCell ref="S66:U66"/>
    <mergeCell ref="G106:M106"/>
    <mergeCell ref="P117:R117"/>
    <mergeCell ref="S107:W107"/>
    <mergeCell ref="S106:W106"/>
    <mergeCell ref="A18:I18"/>
    <mergeCell ref="G12:I12"/>
    <mergeCell ref="B11:F11"/>
    <mergeCell ref="B12:F12"/>
    <mergeCell ref="B13:F13"/>
    <mergeCell ref="J13:L13"/>
    <mergeCell ref="B21:D26"/>
    <mergeCell ref="E22:I22"/>
    <mergeCell ref="G13:I13"/>
    <mergeCell ref="A10:F10"/>
    <mergeCell ref="J21:L21"/>
    <mergeCell ref="N82:P82"/>
    <mergeCell ref="E21:I21"/>
    <mergeCell ref="G10:I10"/>
    <mergeCell ref="G11:I11"/>
    <mergeCell ref="A21:A28"/>
    <mergeCell ref="P25:U25"/>
    <mergeCell ref="M44:O44"/>
    <mergeCell ref="M50:O50"/>
    <mergeCell ref="B54:D56"/>
    <mergeCell ref="G5:O6"/>
    <mergeCell ref="Y10:AA10"/>
    <mergeCell ref="AB10:AD10"/>
    <mergeCell ref="Y7:AG7"/>
    <mergeCell ref="P7:X7"/>
    <mergeCell ref="Y8:AA8"/>
    <mergeCell ref="V10:X10"/>
    <mergeCell ref="AE10:AG10"/>
    <mergeCell ref="S10:U10"/>
    <mergeCell ref="J10:L10"/>
    <mergeCell ref="A9:F9"/>
    <mergeCell ref="P5:X6"/>
    <mergeCell ref="Y5:AG6"/>
    <mergeCell ref="V8:X8"/>
    <mergeCell ref="S8:U8"/>
    <mergeCell ref="P8:R8"/>
    <mergeCell ref="A5:F5"/>
    <mergeCell ref="A6:F6"/>
    <mergeCell ref="G7:O7"/>
    <mergeCell ref="A7:F7"/>
    <mergeCell ref="V9:X9"/>
    <mergeCell ref="AB9:AD9"/>
    <mergeCell ref="M10:O10"/>
    <mergeCell ref="P10:R10"/>
    <mergeCell ref="P9:R9"/>
    <mergeCell ref="S9:U9"/>
    <mergeCell ref="A8:F8"/>
    <mergeCell ref="G8:I8"/>
    <mergeCell ref="AE9:AG9"/>
    <mergeCell ref="AB8:AD8"/>
    <mergeCell ref="J8:L8"/>
    <mergeCell ref="G9:I9"/>
    <mergeCell ref="M25:O25"/>
    <mergeCell ref="P20:U20"/>
    <mergeCell ref="M22:O22"/>
    <mergeCell ref="J19:L19"/>
    <mergeCell ref="AB20:AG20"/>
    <mergeCell ref="J23:L23"/>
    <mergeCell ref="J25:L25"/>
    <mergeCell ref="AB13:AD13"/>
    <mergeCell ref="Y13:AA13"/>
    <mergeCell ref="A19:I19"/>
    <mergeCell ref="Y9:AA9"/>
    <mergeCell ref="AE8:AG8"/>
    <mergeCell ref="J9:L9"/>
    <mergeCell ref="S12:U12"/>
    <mergeCell ref="Y12:AA12"/>
    <mergeCell ref="V20:AA20"/>
    <mergeCell ref="AB18:AG18"/>
    <mergeCell ref="AB19:AG19"/>
    <mergeCell ref="S11:U11"/>
    <mergeCell ref="AE11:AG11"/>
    <mergeCell ref="AE13:AG13"/>
    <mergeCell ref="S13:U13"/>
    <mergeCell ref="AB11:AD11"/>
    <mergeCell ref="AB12:AD12"/>
    <mergeCell ref="Y11:AA11"/>
    <mergeCell ref="AE12:AG12"/>
    <mergeCell ref="V13:X13"/>
    <mergeCell ref="V11:X11"/>
    <mergeCell ref="V12:X12"/>
    <mergeCell ref="P18:U19"/>
    <mergeCell ref="V18:AA19"/>
    <mergeCell ref="P12:R12"/>
    <mergeCell ref="P11:R11"/>
    <mergeCell ref="G38:I38"/>
    <mergeCell ref="J38:L38"/>
    <mergeCell ref="M13:O13"/>
    <mergeCell ref="P27:U27"/>
    <mergeCell ref="M11:O11"/>
    <mergeCell ref="P23:U23"/>
    <mergeCell ref="P61:X62"/>
    <mergeCell ref="V51:AA51"/>
    <mergeCell ref="V39:X39"/>
    <mergeCell ref="J41:L41"/>
    <mergeCell ref="P44:R44"/>
    <mergeCell ref="S44:U44"/>
    <mergeCell ref="P33:X34"/>
    <mergeCell ref="P35:X35"/>
    <mergeCell ref="P36:R36"/>
    <mergeCell ref="S36:U36"/>
    <mergeCell ref="V36:X36"/>
    <mergeCell ref="P37:R37"/>
    <mergeCell ref="S37:U37"/>
    <mergeCell ref="V37:X37"/>
    <mergeCell ref="P42:R42"/>
    <mergeCell ref="S42:U42"/>
    <mergeCell ref="J18:O18"/>
    <mergeCell ref="J20:L20"/>
    <mergeCell ref="M21:O21"/>
    <mergeCell ref="M20:O20"/>
    <mergeCell ref="S41:U41"/>
    <mergeCell ref="Y33:AG34"/>
    <mergeCell ref="Y35:AG35"/>
    <mergeCell ref="Y36:AA36"/>
    <mergeCell ref="J42:L42"/>
    <mergeCell ref="J28:L28"/>
    <mergeCell ref="J196:L196"/>
    <mergeCell ref="V228:Y228"/>
    <mergeCell ref="V218:Y218"/>
    <mergeCell ref="V227:Y227"/>
    <mergeCell ref="A20:I20"/>
    <mergeCell ref="E25:I25"/>
    <mergeCell ref="M28:O28"/>
    <mergeCell ref="Y64:AG64"/>
    <mergeCell ref="P63:X63"/>
    <mergeCell ref="A66:F66"/>
    <mergeCell ref="G66:I66"/>
    <mergeCell ref="G65:I65"/>
    <mergeCell ref="AB56:AG56"/>
    <mergeCell ref="P24:U24"/>
    <mergeCell ref="J26:L26"/>
    <mergeCell ref="M42:O42"/>
    <mergeCell ref="M37:O37"/>
    <mergeCell ref="M43:O43"/>
    <mergeCell ref="P66:R66"/>
    <mergeCell ref="J65:L65"/>
    <mergeCell ref="J66:L66"/>
    <mergeCell ref="AB28:AG28"/>
    <mergeCell ref="Y61:AG62"/>
    <mergeCell ref="AB65:AD65"/>
    <mergeCell ref="S65:U65"/>
    <mergeCell ref="S39:U39"/>
    <mergeCell ref="A35:F35"/>
    <mergeCell ref="A33:F33"/>
    <mergeCell ref="A34:F34"/>
    <mergeCell ref="G35:O35"/>
    <mergeCell ref="AE65:AG65"/>
    <mergeCell ref="AE68:AG68"/>
    <mergeCell ref="AB67:AD67"/>
    <mergeCell ref="AB66:AD66"/>
    <mergeCell ref="S69:U69"/>
    <mergeCell ref="AE66:AG66"/>
    <mergeCell ref="Y66:AA66"/>
    <mergeCell ref="AE69:AG69"/>
    <mergeCell ref="T79:V79"/>
    <mergeCell ref="V73:X73"/>
    <mergeCell ref="AE71:AG71"/>
    <mergeCell ref="AE72:AG72"/>
    <mergeCell ref="AB72:AD72"/>
    <mergeCell ref="N79:P79"/>
    <mergeCell ref="Y193:AA193"/>
    <mergeCell ref="V192:X192"/>
    <mergeCell ref="M122:O122"/>
    <mergeCell ref="G105:M105"/>
    <mergeCell ref="P69:R69"/>
    <mergeCell ref="Z79:AB79"/>
    <mergeCell ref="K79:M79"/>
    <mergeCell ref="O96:R96"/>
    <mergeCell ref="Z80:AB80"/>
    <mergeCell ref="J72:L72"/>
    <mergeCell ref="G67:I67"/>
    <mergeCell ref="P70:R70"/>
    <mergeCell ref="J67:L67"/>
    <mergeCell ref="S72:U72"/>
    <mergeCell ref="M67:O67"/>
    <mergeCell ref="A139:H139"/>
    <mergeCell ref="AC149:AG149"/>
    <mergeCell ref="J192:L192"/>
    <mergeCell ref="J190:L190"/>
    <mergeCell ref="B194:F194"/>
    <mergeCell ref="F291:Q291"/>
    <mergeCell ref="Z286:AC286"/>
    <mergeCell ref="A306:H306"/>
    <mergeCell ref="F289:Q289"/>
    <mergeCell ref="AD290:AG290"/>
    <mergeCell ref="Z290:AC290"/>
    <mergeCell ref="P306:U306"/>
    <mergeCell ref="Z295:AC295"/>
    <mergeCell ref="A294:E294"/>
    <mergeCell ref="F294:Q294"/>
    <mergeCell ref="AD285:AG285"/>
    <mergeCell ref="V304:AA305"/>
    <mergeCell ref="Z289:AC289"/>
    <mergeCell ref="F290:Q290"/>
    <mergeCell ref="A290:E290"/>
    <mergeCell ref="AD288:AG288"/>
    <mergeCell ref="AD299:AG299"/>
    <mergeCell ref="R290:U290"/>
    <mergeCell ref="Z291:AC291"/>
    <mergeCell ref="V292:Y292"/>
    <mergeCell ref="R295:U295"/>
    <mergeCell ref="A295:E295"/>
    <mergeCell ref="F288:Q288"/>
    <mergeCell ref="R288:U288"/>
    <mergeCell ref="F207:L207"/>
    <mergeCell ref="F264:Q264"/>
    <mergeCell ref="R264:U264"/>
    <mergeCell ref="R224:U224"/>
    <mergeCell ref="Z224:AC224"/>
    <mergeCell ref="A206:E206"/>
    <mergeCell ref="AB196:AD196"/>
    <mergeCell ref="R217:U217"/>
    <mergeCell ref="A216:Q216"/>
    <mergeCell ref="T205:Z205"/>
    <mergeCell ref="G197:I197"/>
    <mergeCell ref="A207:E207"/>
    <mergeCell ref="A226:E226"/>
    <mergeCell ref="A227:E227"/>
    <mergeCell ref="F227:Q227"/>
    <mergeCell ref="R227:U227"/>
    <mergeCell ref="Z227:AC227"/>
    <mergeCell ref="AD227:AG227"/>
    <mergeCell ref="V226:Y226"/>
    <mergeCell ref="F220:Q220"/>
    <mergeCell ref="R220:U220"/>
    <mergeCell ref="V220:Y220"/>
    <mergeCell ref="AD220:AG220"/>
    <mergeCell ref="A225:E225"/>
    <mergeCell ref="AD216:AG216"/>
    <mergeCell ref="V199:X199"/>
    <mergeCell ref="A212:AF212"/>
    <mergeCell ref="A205:E205"/>
    <mergeCell ref="F218:Q218"/>
    <mergeCell ref="A222:E222"/>
    <mergeCell ref="F225:Q225"/>
    <mergeCell ref="R225:U225"/>
    <mergeCell ref="Z225:AC225"/>
    <mergeCell ref="AD225:AG225"/>
    <mergeCell ref="F206:L206"/>
    <mergeCell ref="AE198:AG198"/>
    <mergeCell ref="P198:R198"/>
    <mergeCell ref="A204:E204"/>
    <mergeCell ref="AD228:AG228"/>
    <mergeCell ref="AD221:AG221"/>
    <mergeCell ref="F204:L204"/>
    <mergeCell ref="T204:Z204"/>
    <mergeCell ref="B199:F199"/>
    <mergeCell ref="Y196:AA196"/>
    <mergeCell ref="M194:O194"/>
    <mergeCell ref="AF181:AG181"/>
    <mergeCell ref="AD180:AE180"/>
    <mergeCell ref="P199:R199"/>
    <mergeCell ref="S196:U196"/>
    <mergeCell ref="M206:S206"/>
    <mergeCell ref="M204:S204"/>
    <mergeCell ref="M205:S205"/>
    <mergeCell ref="M195:O195"/>
    <mergeCell ref="J194:L194"/>
    <mergeCell ref="Y194:AA194"/>
    <mergeCell ref="S194:U194"/>
    <mergeCell ref="P195:R195"/>
    <mergeCell ref="A189:E189"/>
    <mergeCell ref="AE194:AG194"/>
    <mergeCell ref="F205:L205"/>
    <mergeCell ref="B196:F196"/>
    <mergeCell ref="B197:F197"/>
    <mergeCell ref="G196:I196"/>
    <mergeCell ref="T203:AG203"/>
    <mergeCell ref="M198:O198"/>
    <mergeCell ref="B198:F198"/>
    <mergeCell ref="A203:E203"/>
    <mergeCell ref="Y192:AA192"/>
    <mergeCell ref="B192:F192"/>
    <mergeCell ref="G190:I190"/>
    <mergeCell ref="A1:AG1"/>
    <mergeCell ref="I96:K96"/>
    <mergeCell ref="S105:W105"/>
    <mergeCell ref="W98:Y98"/>
    <mergeCell ref="S99:V99"/>
    <mergeCell ref="O93:R93"/>
    <mergeCell ref="O88:R89"/>
    <mergeCell ref="S98:V98"/>
    <mergeCell ref="O92:R92"/>
    <mergeCell ref="O94:R94"/>
    <mergeCell ref="N107:R107"/>
    <mergeCell ref="P113:X114"/>
    <mergeCell ref="P118:R118"/>
    <mergeCell ref="M118:O118"/>
    <mergeCell ref="D93:H93"/>
    <mergeCell ref="W96:Y96"/>
    <mergeCell ref="Y117:AA117"/>
    <mergeCell ref="Y113:AG114"/>
    <mergeCell ref="AC107:AG107"/>
    <mergeCell ref="AC106:AG106"/>
    <mergeCell ref="AB24:AG24"/>
    <mergeCell ref="M70:O70"/>
    <mergeCell ref="B39:F39"/>
    <mergeCell ref="G39:I39"/>
    <mergeCell ref="J39:L39"/>
    <mergeCell ref="AB27:AG27"/>
    <mergeCell ref="AB25:AG25"/>
    <mergeCell ref="V27:AA27"/>
    <mergeCell ref="V65:X65"/>
    <mergeCell ref="P65:R65"/>
    <mergeCell ref="M56:O56"/>
    <mergeCell ref="P56:U56"/>
    <mergeCell ref="G68:I68"/>
    <mergeCell ref="G149:M149"/>
    <mergeCell ref="A170:F170"/>
    <mergeCell ref="V160:X160"/>
    <mergeCell ref="Y165:AG166"/>
    <mergeCell ref="AB172:AD172"/>
    <mergeCell ref="P173:R173"/>
    <mergeCell ref="V170:X170"/>
    <mergeCell ref="AE172:AG172"/>
    <mergeCell ref="A149:F149"/>
    <mergeCell ref="A159:B159"/>
    <mergeCell ref="S149:W149"/>
    <mergeCell ref="AB159:AD159"/>
    <mergeCell ref="M158:O158"/>
    <mergeCell ref="A148:F148"/>
    <mergeCell ref="L142:N142"/>
    <mergeCell ref="N150:R150"/>
    <mergeCell ref="L143:N143"/>
    <mergeCell ref="A151:F151"/>
    <mergeCell ref="Y168:AA168"/>
    <mergeCell ref="X151:AB151"/>
    <mergeCell ref="M160:O160"/>
    <mergeCell ref="M172:O172"/>
    <mergeCell ref="J170:L170"/>
    <mergeCell ref="M171:O171"/>
    <mergeCell ref="J172:L172"/>
    <mergeCell ref="J168:L168"/>
    <mergeCell ref="P168:R168"/>
    <mergeCell ref="J169:L169"/>
    <mergeCell ref="A169:F169"/>
    <mergeCell ref="G167:O167"/>
    <mergeCell ref="J158:L158"/>
    <mergeCell ref="V168:X168"/>
    <mergeCell ref="J157:L157"/>
    <mergeCell ref="AA179:AC179"/>
    <mergeCell ref="M173:O173"/>
    <mergeCell ref="S173:U173"/>
    <mergeCell ref="S160:U160"/>
    <mergeCell ref="I179:K179"/>
    <mergeCell ref="G179:H179"/>
    <mergeCell ref="L178:N178"/>
    <mergeCell ref="P159:R159"/>
    <mergeCell ref="Y160:AA160"/>
    <mergeCell ref="G165:O166"/>
    <mergeCell ref="G169:I169"/>
    <mergeCell ref="G160:I160"/>
    <mergeCell ref="S168:U168"/>
    <mergeCell ref="S158:U158"/>
    <mergeCell ref="G159:I159"/>
    <mergeCell ref="G156:I157"/>
    <mergeCell ref="AB160:AD160"/>
    <mergeCell ref="G177:H178"/>
    <mergeCell ref="I178:K178"/>
    <mergeCell ref="P169:R169"/>
    <mergeCell ref="J156:AA156"/>
    <mergeCell ref="V173:X173"/>
    <mergeCell ref="O178:Q178"/>
    <mergeCell ref="P165:X166"/>
    <mergeCell ref="X179:Z179"/>
    <mergeCell ref="C181:F181"/>
    <mergeCell ref="B171:F171"/>
    <mergeCell ref="X178:Z178"/>
    <mergeCell ref="O181:Q181"/>
    <mergeCell ref="O179:Q179"/>
    <mergeCell ref="L181:N181"/>
    <mergeCell ref="AB173:AD173"/>
    <mergeCell ref="U178:W178"/>
    <mergeCell ref="R181:T181"/>
    <mergeCell ref="L179:N179"/>
    <mergeCell ref="V172:X172"/>
    <mergeCell ref="C179:F179"/>
    <mergeCell ref="A180:B180"/>
    <mergeCell ref="S169:U169"/>
    <mergeCell ref="V169:X169"/>
    <mergeCell ref="AD179:AE179"/>
    <mergeCell ref="G172:I172"/>
    <mergeCell ref="G171:I171"/>
    <mergeCell ref="A190:F190"/>
    <mergeCell ref="A186:F186"/>
    <mergeCell ref="A179:B179"/>
    <mergeCell ref="AE191:AG191"/>
    <mergeCell ref="A187:E187"/>
    <mergeCell ref="AA181:AC181"/>
    <mergeCell ref="R180:T180"/>
    <mergeCell ref="U180:W180"/>
    <mergeCell ref="J171:L171"/>
    <mergeCell ref="O180:Q180"/>
    <mergeCell ref="J189:L189"/>
    <mergeCell ref="U181:W181"/>
    <mergeCell ref="L180:N180"/>
    <mergeCell ref="Y191:AA191"/>
    <mergeCell ref="V189:X189"/>
    <mergeCell ref="Y186:AG187"/>
    <mergeCell ref="AB189:AD189"/>
    <mergeCell ref="A191:F191"/>
    <mergeCell ref="G180:H180"/>
    <mergeCell ref="A177:F178"/>
    <mergeCell ref="J173:L173"/>
    <mergeCell ref="X180:Z180"/>
    <mergeCell ref="R179:T179"/>
    <mergeCell ref="S171:U171"/>
    <mergeCell ref="AE171:AG171"/>
    <mergeCell ref="Y171:AA171"/>
    <mergeCell ref="P172:R172"/>
    <mergeCell ref="M189:O189"/>
    <mergeCell ref="Y172:AA172"/>
    <mergeCell ref="R178:T178"/>
    <mergeCell ref="S172:U172"/>
    <mergeCell ref="X181:Z181"/>
    <mergeCell ref="M121:O121"/>
    <mergeCell ref="K129:N129"/>
    <mergeCell ref="Z142:AC142"/>
    <mergeCell ref="D141:H141"/>
    <mergeCell ref="P122:R122"/>
    <mergeCell ref="P121:R121"/>
    <mergeCell ref="AE189:AG189"/>
    <mergeCell ref="Y189:AA189"/>
    <mergeCell ref="P189:R189"/>
    <mergeCell ref="O129:R129"/>
    <mergeCell ref="S129:V129"/>
    <mergeCell ref="O128:R128"/>
    <mergeCell ref="AF180:AG180"/>
    <mergeCell ref="G170:I170"/>
    <mergeCell ref="J159:L159"/>
    <mergeCell ref="S170:U170"/>
    <mergeCell ref="A165:F165"/>
    <mergeCell ref="Y167:AG167"/>
    <mergeCell ref="G188:O188"/>
    <mergeCell ref="G168:I168"/>
    <mergeCell ref="Y169:AA169"/>
    <mergeCell ref="P170:R170"/>
    <mergeCell ref="AB169:AD169"/>
    <mergeCell ref="Y159:AA159"/>
    <mergeCell ref="G173:I173"/>
    <mergeCell ref="A181:B181"/>
    <mergeCell ref="A166:F166"/>
    <mergeCell ref="I181:K181"/>
    <mergeCell ref="C159:F159"/>
    <mergeCell ref="AB156:AD157"/>
    <mergeCell ref="C180:F180"/>
    <mergeCell ref="I180:K180"/>
    <mergeCell ref="AB191:AD191"/>
    <mergeCell ref="Y190:AA190"/>
    <mergeCell ref="G181:H181"/>
    <mergeCell ref="Y173:AA173"/>
    <mergeCell ref="O130:R130"/>
    <mergeCell ref="G151:M151"/>
    <mergeCell ref="S151:W151"/>
    <mergeCell ref="V157:X157"/>
    <mergeCell ref="V158:X158"/>
    <mergeCell ref="S157:U157"/>
    <mergeCell ref="G158:I158"/>
    <mergeCell ref="AB170:AD170"/>
    <mergeCell ref="P160:R160"/>
    <mergeCell ref="P158:R158"/>
    <mergeCell ref="P191:R191"/>
    <mergeCell ref="N149:R149"/>
    <mergeCell ref="G148:M148"/>
    <mergeCell ref="AB171:AD171"/>
    <mergeCell ref="AD177:AE178"/>
    <mergeCell ref="AE173:AG173"/>
    <mergeCell ref="W143:Y143"/>
    <mergeCell ref="S143:V143"/>
    <mergeCell ref="Z143:AC143"/>
    <mergeCell ref="AD140:AG140"/>
    <mergeCell ref="AA130:AC130"/>
    <mergeCell ref="A138:H138"/>
    <mergeCell ref="A137:H137"/>
    <mergeCell ref="I137:N137"/>
    <mergeCell ref="A130:F130"/>
    <mergeCell ref="G189:I189"/>
    <mergeCell ref="M191:O191"/>
    <mergeCell ref="G191:I191"/>
    <mergeCell ref="Z341:AC341"/>
    <mergeCell ref="A342:I342"/>
    <mergeCell ref="J336:M336"/>
    <mergeCell ref="J335:M335"/>
    <mergeCell ref="V364:Y364"/>
    <mergeCell ref="R362:Y363"/>
    <mergeCell ref="AD339:AG339"/>
    <mergeCell ref="R344:U344"/>
    <mergeCell ref="A345:I345"/>
    <mergeCell ref="A333:I333"/>
    <mergeCell ref="A343:I343"/>
    <mergeCell ref="N341:Q341"/>
    <mergeCell ref="J340:M340"/>
    <mergeCell ref="J342:M342"/>
    <mergeCell ref="N336:Q336"/>
    <mergeCell ref="J339:M339"/>
    <mergeCell ref="N338:Q338"/>
    <mergeCell ref="Z364:AC364"/>
    <mergeCell ref="AD364:AG364"/>
    <mergeCell ref="A356:I356"/>
    <mergeCell ref="J356:M356"/>
    <mergeCell ref="Z356:AC356"/>
    <mergeCell ref="AD356:AG356"/>
    <mergeCell ref="V340:Y340"/>
    <mergeCell ref="V341:Y341"/>
    <mergeCell ref="N337:Q337"/>
    <mergeCell ref="N364:Q364"/>
    <mergeCell ref="T328:Z328"/>
    <mergeCell ref="N345:Q345"/>
    <mergeCell ref="R336:U336"/>
    <mergeCell ref="A335:I335"/>
    <mergeCell ref="G317:I317"/>
    <mergeCell ref="AE315:AG316"/>
    <mergeCell ref="S493:U493"/>
    <mergeCell ref="A497:F497"/>
    <mergeCell ref="P493:R493"/>
    <mergeCell ref="R513:Y513"/>
    <mergeCell ref="A492:C493"/>
    <mergeCell ref="M493:O493"/>
    <mergeCell ref="G493:I493"/>
    <mergeCell ref="J493:L493"/>
    <mergeCell ref="M492:O492"/>
    <mergeCell ref="D492:F492"/>
    <mergeCell ref="J492:L492"/>
    <mergeCell ref="D493:F493"/>
    <mergeCell ref="G492:I492"/>
    <mergeCell ref="J491:L491"/>
    <mergeCell ref="A500:F500"/>
    <mergeCell ref="A501:F501"/>
    <mergeCell ref="A507:F507"/>
    <mergeCell ref="A508:F508"/>
    <mergeCell ref="Y509:AG509"/>
    <mergeCell ref="AE493:AG493"/>
    <mergeCell ref="AD358:AG358"/>
    <mergeCell ref="Z340:AC340"/>
    <mergeCell ref="R358:U358"/>
    <mergeCell ref="AD337:AG337"/>
    <mergeCell ref="AD348:AG348"/>
    <mergeCell ref="R355:U355"/>
    <mergeCell ref="R515:U515"/>
    <mergeCell ref="R514:U514"/>
    <mergeCell ref="N514:Q514"/>
    <mergeCell ref="P498:X498"/>
    <mergeCell ref="Y498:AG498"/>
    <mergeCell ref="G498:O498"/>
    <mergeCell ref="AB493:AD493"/>
    <mergeCell ref="P492:R492"/>
    <mergeCell ref="Y497:AG497"/>
    <mergeCell ref="P497:X497"/>
    <mergeCell ref="Y507:AG507"/>
    <mergeCell ref="P499:X499"/>
    <mergeCell ref="A499:F499"/>
    <mergeCell ref="V492:X492"/>
    <mergeCell ref="AE492:AG492"/>
    <mergeCell ref="A514:E514"/>
    <mergeCell ref="A513:E513"/>
    <mergeCell ref="A498:F498"/>
    <mergeCell ref="P501:X501"/>
    <mergeCell ref="G497:O497"/>
    <mergeCell ref="Y493:AA493"/>
    <mergeCell ref="A509:F509"/>
    <mergeCell ref="A505:F505"/>
    <mergeCell ref="G507:O507"/>
    <mergeCell ref="G508:O508"/>
    <mergeCell ref="J514:M514"/>
    <mergeCell ref="F514:I514"/>
    <mergeCell ref="V493:X493"/>
    <mergeCell ref="J517:M517"/>
    <mergeCell ref="R517:U517"/>
    <mergeCell ref="V515:Y515"/>
    <mergeCell ref="Z515:AC515"/>
    <mergeCell ref="N516:Q516"/>
    <mergeCell ref="Z517:AC517"/>
    <mergeCell ref="AD517:AG517"/>
    <mergeCell ref="AD514:AG514"/>
    <mergeCell ref="G505:O506"/>
    <mergeCell ref="Y499:AG499"/>
    <mergeCell ref="Y500:AG500"/>
    <mergeCell ref="Y508:AG508"/>
    <mergeCell ref="P509:X509"/>
    <mergeCell ref="P507:X507"/>
    <mergeCell ref="Z514:AC514"/>
    <mergeCell ref="P508:X508"/>
    <mergeCell ref="N515:Q515"/>
    <mergeCell ref="G509:O509"/>
    <mergeCell ref="G499:O499"/>
    <mergeCell ref="V514:Y514"/>
    <mergeCell ref="F517:I517"/>
    <mergeCell ref="N517:Q517"/>
    <mergeCell ref="J515:M515"/>
    <mergeCell ref="G500:O500"/>
    <mergeCell ref="V517:Y517"/>
    <mergeCell ref="F515:I515"/>
    <mergeCell ref="Z513:AG513"/>
    <mergeCell ref="R516:U516"/>
    <mergeCell ref="F516:I516"/>
    <mergeCell ref="V516:Y516"/>
    <mergeCell ref="F513:Q513"/>
    <mergeCell ref="Z516:AC516"/>
    <mergeCell ref="AB119:AD119"/>
    <mergeCell ref="AE156:AG157"/>
    <mergeCell ref="A516:E516"/>
    <mergeCell ref="G501:O501"/>
    <mergeCell ref="Y505:AG506"/>
    <mergeCell ref="P505:X506"/>
    <mergeCell ref="AD516:AG516"/>
    <mergeCell ref="AD515:AG515"/>
    <mergeCell ref="J516:M516"/>
    <mergeCell ref="Y501:AG501"/>
    <mergeCell ref="P500:X500"/>
    <mergeCell ref="A506:F506"/>
    <mergeCell ref="A515:E515"/>
    <mergeCell ref="A517:E517"/>
    <mergeCell ref="S130:V130"/>
    <mergeCell ref="B120:F120"/>
    <mergeCell ref="AE160:AG160"/>
    <mergeCell ref="Y158:AA158"/>
    <mergeCell ref="K131:N131"/>
    <mergeCell ref="AD131:AG131"/>
    <mergeCell ref="J193:L193"/>
    <mergeCell ref="S159:U159"/>
    <mergeCell ref="P167:X167"/>
    <mergeCell ref="B140:C142"/>
    <mergeCell ref="I141:K141"/>
    <mergeCell ref="O140:R140"/>
    <mergeCell ref="L140:N140"/>
    <mergeCell ref="I140:K140"/>
    <mergeCell ref="AD181:AE181"/>
    <mergeCell ref="AB168:AD168"/>
    <mergeCell ref="Z137:AC138"/>
    <mergeCell ref="L141:N141"/>
    <mergeCell ref="D94:H94"/>
    <mergeCell ref="L93:N93"/>
    <mergeCell ref="S93:V93"/>
    <mergeCell ref="W92:Y92"/>
    <mergeCell ref="AE118:AG118"/>
    <mergeCell ref="V171:X171"/>
    <mergeCell ref="G127:J128"/>
    <mergeCell ref="AA127:AC128"/>
    <mergeCell ref="AA129:AC129"/>
    <mergeCell ref="AE119:AG119"/>
    <mergeCell ref="I142:K142"/>
    <mergeCell ref="W129:Z129"/>
    <mergeCell ref="I138:K138"/>
    <mergeCell ref="O142:R142"/>
    <mergeCell ref="S142:V142"/>
    <mergeCell ref="V122:X122"/>
    <mergeCell ref="W128:Z128"/>
    <mergeCell ref="J122:L122"/>
    <mergeCell ref="AE121:AG121"/>
    <mergeCell ref="Y170:AA170"/>
    <mergeCell ref="Z141:AC141"/>
    <mergeCell ref="M170:O170"/>
    <mergeCell ref="I143:K143"/>
    <mergeCell ref="L138:N138"/>
    <mergeCell ref="M169:O169"/>
    <mergeCell ref="I139:K139"/>
    <mergeCell ref="O137:R138"/>
    <mergeCell ref="D140:H140"/>
    <mergeCell ref="AD141:AG141"/>
    <mergeCell ref="A131:F131"/>
    <mergeCell ref="AD138:AG138"/>
    <mergeCell ref="A129:F129"/>
    <mergeCell ref="AE81:AG81"/>
    <mergeCell ref="AC81:AD81"/>
    <mergeCell ref="AE82:AG82"/>
    <mergeCell ref="Q80:S80"/>
    <mergeCell ref="Q82:S82"/>
    <mergeCell ref="S91:V91"/>
    <mergeCell ref="AD88:AG88"/>
    <mergeCell ref="AD91:AG91"/>
    <mergeCell ref="S128:V128"/>
    <mergeCell ref="A119:F119"/>
    <mergeCell ref="D96:H96"/>
    <mergeCell ref="L92:N92"/>
    <mergeCell ref="AD127:AG128"/>
    <mergeCell ref="AE120:AG120"/>
    <mergeCell ref="G120:I120"/>
    <mergeCell ref="Y115:AG115"/>
    <mergeCell ref="A128:F128"/>
    <mergeCell ref="L97:N97"/>
    <mergeCell ref="V121:X121"/>
    <mergeCell ref="S118:U118"/>
    <mergeCell ref="G107:M107"/>
    <mergeCell ref="AB122:AD122"/>
    <mergeCell ref="X106:AB106"/>
    <mergeCell ref="A103:F103"/>
    <mergeCell ref="B122:F122"/>
    <mergeCell ref="A81:D81"/>
    <mergeCell ref="J118:L118"/>
    <mergeCell ref="G116:O116"/>
    <mergeCell ref="M120:O120"/>
    <mergeCell ref="S121:U121"/>
    <mergeCell ref="V120:X120"/>
    <mergeCell ref="AB120:AD120"/>
    <mergeCell ref="J73:L73"/>
    <mergeCell ref="W93:Y93"/>
    <mergeCell ref="S92:V92"/>
    <mergeCell ref="Y122:AA122"/>
    <mergeCell ref="P120:R120"/>
    <mergeCell ref="S120:U120"/>
    <mergeCell ref="Y116:AG116"/>
    <mergeCell ref="Z94:AC94"/>
    <mergeCell ref="AC80:AD80"/>
    <mergeCell ref="AC82:AD82"/>
    <mergeCell ref="AD98:AG98"/>
    <mergeCell ref="I97:K97"/>
    <mergeCell ref="W81:Y81"/>
    <mergeCell ref="AD94:AG94"/>
    <mergeCell ref="AD96:AG96"/>
    <mergeCell ref="AB117:AD117"/>
    <mergeCell ref="AC105:AG105"/>
    <mergeCell ref="N105:R105"/>
    <mergeCell ref="AE122:AG122"/>
    <mergeCell ref="S88:V89"/>
    <mergeCell ref="P73:R73"/>
    <mergeCell ref="I90:K90"/>
    <mergeCell ref="I88:N88"/>
    <mergeCell ref="AD89:AG89"/>
    <mergeCell ref="W80:Y80"/>
    <mergeCell ref="I99:K99"/>
    <mergeCell ref="Z93:AC93"/>
    <mergeCell ref="L94:N94"/>
    <mergeCell ref="I94:K94"/>
    <mergeCell ref="S90:V90"/>
    <mergeCell ref="O90:R90"/>
    <mergeCell ref="O97:R97"/>
    <mergeCell ref="G70:I70"/>
    <mergeCell ref="M71:O71"/>
    <mergeCell ref="J71:L71"/>
    <mergeCell ref="B69:F69"/>
    <mergeCell ref="J69:L69"/>
    <mergeCell ref="B41:F41"/>
    <mergeCell ref="G41:I41"/>
    <mergeCell ref="M52:O52"/>
    <mergeCell ref="E82:G82"/>
    <mergeCell ref="H82:J82"/>
    <mergeCell ref="H79:J79"/>
    <mergeCell ref="M72:O72"/>
    <mergeCell ref="L90:N90"/>
    <mergeCell ref="P72:R72"/>
    <mergeCell ref="H78:AB78"/>
    <mergeCell ref="L89:N89"/>
    <mergeCell ref="I89:K89"/>
    <mergeCell ref="K81:M81"/>
    <mergeCell ref="Z81:AB81"/>
    <mergeCell ref="E78:G79"/>
    <mergeCell ref="B72:F72"/>
    <mergeCell ref="S73:U73"/>
    <mergeCell ref="P49:U50"/>
    <mergeCell ref="V49:AA50"/>
    <mergeCell ref="V72:X72"/>
    <mergeCell ref="M69:O69"/>
    <mergeCell ref="J54:L54"/>
    <mergeCell ref="AB54:AG54"/>
    <mergeCell ref="G44:I44"/>
    <mergeCell ref="J44:L44"/>
    <mergeCell ref="J49:O49"/>
    <mergeCell ref="V41:X41"/>
    <mergeCell ref="S71:U71"/>
    <mergeCell ref="AE70:AG70"/>
    <mergeCell ref="S67:U67"/>
    <mergeCell ref="Y70:AA70"/>
    <mergeCell ref="S97:V97"/>
    <mergeCell ref="W97:Y97"/>
    <mergeCell ref="E52:I52"/>
    <mergeCell ref="V42:X42"/>
    <mergeCell ref="Z96:AC96"/>
    <mergeCell ref="I91:K91"/>
    <mergeCell ref="L91:N91"/>
    <mergeCell ref="O95:R95"/>
    <mergeCell ref="K82:M82"/>
    <mergeCell ref="H81:J81"/>
    <mergeCell ref="E81:G81"/>
    <mergeCell ref="D91:H91"/>
    <mergeCell ref="L95:N95"/>
    <mergeCell ref="G61:O62"/>
    <mergeCell ref="G64:O64"/>
    <mergeCell ref="A50:I50"/>
    <mergeCell ref="Y63:AG63"/>
    <mergeCell ref="M66:O66"/>
    <mergeCell ref="P67:R67"/>
    <mergeCell ref="B68:F68"/>
    <mergeCell ref="A80:D80"/>
    <mergeCell ref="N80:P80"/>
    <mergeCell ref="K80:M80"/>
    <mergeCell ref="M68:O68"/>
    <mergeCell ref="V67:X67"/>
    <mergeCell ref="A61:F61"/>
    <mergeCell ref="B42:F42"/>
    <mergeCell ref="G42:I42"/>
    <mergeCell ref="Y72:AA72"/>
    <mergeCell ref="W79:Y79"/>
    <mergeCell ref="B73:F73"/>
    <mergeCell ref="G72:I72"/>
    <mergeCell ref="B70:F70"/>
    <mergeCell ref="AE78:AG79"/>
    <mergeCell ref="AE73:AG73"/>
    <mergeCell ref="M73:O73"/>
    <mergeCell ref="G73:I73"/>
    <mergeCell ref="AB49:AG49"/>
    <mergeCell ref="J56:L56"/>
    <mergeCell ref="AB50:AG50"/>
    <mergeCell ref="V54:AA54"/>
    <mergeCell ref="A62:F62"/>
    <mergeCell ref="Y157:AA157"/>
    <mergeCell ref="S141:V141"/>
    <mergeCell ref="AF179:AG179"/>
    <mergeCell ref="G121:I121"/>
    <mergeCell ref="Y121:AA121"/>
    <mergeCell ref="Y119:AA119"/>
    <mergeCell ref="V119:X119"/>
    <mergeCell ref="S122:U122"/>
    <mergeCell ref="J117:L117"/>
    <mergeCell ref="G117:I117"/>
    <mergeCell ref="G122:I122"/>
    <mergeCell ref="A116:F116"/>
    <mergeCell ref="P116:X116"/>
    <mergeCell ref="W137:Y138"/>
    <mergeCell ref="G129:J129"/>
    <mergeCell ref="G130:J130"/>
    <mergeCell ref="K130:N130"/>
    <mergeCell ref="B121:F121"/>
    <mergeCell ref="Y118:AA118"/>
    <mergeCell ref="V118:X118"/>
    <mergeCell ref="M119:O119"/>
    <mergeCell ref="Y120:AA120"/>
    <mergeCell ref="M117:O117"/>
    <mergeCell ref="A127:F127"/>
    <mergeCell ref="O139:R139"/>
    <mergeCell ref="G131:J131"/>
    <mergeCell ref="S94:V94"/>
    <mergeCell ref="Z97:AC97"/>
    <mergeCell ref="O91:R91"/>
    <mergeCell ref="AB121:AD121"/>
    <mergeCell ref="W91:Y91"/>
    <mergeCell ref="Z91:AC91"/>
    <mergeCell ref="W95:Y95"/>
    <mergeCell ref="X104:AB104"/>
    <mergeCell ref="X107:AB107"/>
    <mergeCell ref="P115:X115"/>
    <mergeCell ref="Z92:AC92"/>
    <mergeCell ref="AD93:AG93"/>
    <mergeCell ref="D98:H98"/>
    <mergeCell ref="L98:N98"/>
    <mergeCell ref="G104:M104"/>
    <mergeCell ref="N104:R104"/>
    <mergeCell ref="D99:H99"/>
    <mergeCell ref="L99:N99"/>
    <mergeCell ref="I98:K98"/>
    <mergeCell ref="Z98:AC98"/>
    <mergeCell ref="A104:F104"/>
    <mergeCell ref="D92:H92"/>
    <mergeCell ref="D97:H97"/>
    <mergeCell ref="A107:F107"/>
    <mergeCell ref="D95:H95"/>
    <mergeCell ref="G103:AG103"/>
    <mergeCell ref="AD99:AG99"/>
    <mergeCell ref="Z95:AC95"/>
    <mergeCell ref="AD92:AG92"/>
    <mergeCell ref="AE159:AG159"/>
    <mergeCell ref="S119:U119"/>
    <mergeCell ref="V117:X117"/>
    <mergeCell ref="AA131:AC131"/>
    <mergeCell ref="AD95:AG95"/>
    <mergeCell ref="S131:V131"/>
    <mergeCell ref="AD130:AG130"/>
    <mergeCell ref="A105:F105"/>
    <mergeCell ref="J120:L120"/>
    <mergeCell ref="A106:F106"/>
    <mergeCell ref="J121:L121"/>
    <mergeCell ref="S95:V95"/>
    <mergeCell ref="A118:F118"/>
    <mergeCell ref="G113:O114"/>
    <mergeCell ref="G115:O115"/>
    <mergeCell ref="A115:F115"/>
    <mergeCell ref="A113:F113"/>
    <mergeCell ref="AE117:AG117"/>
    <mergeCell ref="I95:K95"/>
    <mergeCell ref="Z99:AC99"/>
    <mergeCell ref="N106:R106"/>
    <mergeCell ref="X105:AB105"/>
    <mergeCell ref="S117:U117"/>
    <mergeCell ref="AC104:AG104"/>
    <mergeCell ref="W99:Y99"/>
    <mergeCell ref="S104:W104"/>
    <mergeCell ref="L139:N139"/>
    <mergeCell ref="G119:I119"/>
    <mergeCell ref="A91:C99"/>
    <mergeCell ref="O98:R98"/>
    <mergeCell ref="V195:X195"/>
    <mergeCell ref="AE193:AG193"/>
    <mergeCell ref="V196:X196"/>
    <mergeCell ref="P171:R171"/>
    <mergeCell ref="AA180:AC180"/>
    <mergeCell ref="Y195:AA195"/>
    <mergeCell ref="U179:W179"/>
    <mergeCell ref="V193:X193"/>
    <mergeCell ref="I177:AC177"/>
    <mergeCell ref="P186:X187"/>
    <mergeCell ref="S189:U189"/>
    <mergeCell ref="AB193:AD193"/>
    <mergeCell ref="S191:U191"/>
    <mergeCell ref="V191:X191"/>
    <mergeCell ref="P190:R190"/>
    <mergeCell ref="J191:L191"/>
    <mergeCell ref="AB192:AD192"/>
    <mergeCell ref="P192:R192"/>
    <mergeCell ref="V190:X190"/>
    <mergeCell ref="M190:O190"/>
    <mergeCell ref="G186:O187"/>
    <mergeCell ref="P188:X188"/>
    <mergeCell ref="AE190:AG190"/>
    <mergeCell ref="Y188:AG188"/>
    <mergeCell ref="AB190:AD190"/>
    <mergeCell ref="AA178:AC178"/>
    <mergeCell ref="S190:U190"/>
    <mergeCell ref="M193:O193"/>
    <mergeCell ref="AB194:AD194"/>
    <mergeCell ref="S193:U193"/>
    <mergeCell ref="S195:U195"/>
    <mergeCell ref="AF177:AG178"/>
    <mergeCell ref="J198:L198"/>
    <mergeCell ref="R244:U244"/>
    <mergeCell ref="Z244:AC244"/>
    <mergeCell ref="F237:Q237"/>
    <mergeCell ref="V198:X198"/>
    <mergeCell ref="R216:U216"/>
    <mergeCell ref="V243:Y243"/>
    <mergeCell ref="S258:T258"/>
    <mergeCell ref="F203:S203"/>
    <mergeCell ref="M207:S207"/>
    <mergeCell ref="AD224:AG224"/>
    <mergeCell ref="AD217:AG217"/>
    <mergeCell ref="AA207:AG207"/>
    <mergeCell ref="AE199:AG199"/>
    <mergeCell ref="AA205:AG205"/>
    <mergeCell ref="S198:U198"/>
    <mergeCell ref="F222:Q222"/>
    <mergeCell ref="R222:U222"/>
    <mergeCell ref="V244:Y244"/>
    <mergeCell ref="AD244:AG244"/>
    <mergeCell ref="G198:I198"/>
    <mergeCell ref="M199:O199"/>
    <mergeCell ref="J199:L199"/>
    <mergeCell ref="G199:I199"/>
    <mergeCell ref="Z217:AC217"/>
    <mergeCell ref="S252:T252"/>
    <mergeCell ref="W252:X252"/>
    <mergeCell ref="W256:X256"/>
    <mergeCell ref="S256:T256"/>
    <mergeCell ref="V229:Y229"/>
    <mergeCell ref="AD233:AG233"/>
    <mergeCell ref="R230:U230"/>
    <mergeCell ref="Z239:AC239"/>
    <mergeCell ref="AD239:AG239"/>
    <mergeCell ref="V246:Y246"/>
    <mergeCell ref="Z246:AC246"/>
    <mergeCell ref="AD246:AG246"/>
    <mergeCell ref="AD253:AG253"/>
    <mergeCell ref="AD231:AG231"/>
    <mergeCell ref="V238:Y238"/>
    <mergeCell ref="V250:Y250"/>
    <mergeCell ref="V234:Y234"/>
    <mergeCell ref="Z256:AC256"/>
    <mergeCell ref="AD256:AG256"/>
    <mergeCell ref="AD229:AG229"/>
    <mergeCell ref="V236:Y236"/>
    <mergeCell ref="Z236:AC236"/>
    <mergeCell ref="AD236:AG236"/>
    <mergeCell ref="V235:Y235"/>
    <mergeCell ref="V233:Y233"/>
    <mergeCell ref="Z230:AC230"/>
    <mergeCell ref="AD230:AG230"/>
    <mergeCell ref="Z241:AC241"/>
    <mergeCell ref="AD241:AG241"/>
    <mergeCell ref="Z252:AC252"/>
    <mergeCell ref="AD252:AG252"/>
    <mergeCell ref="R237:U237"/>
    <mergeCell ref="V232:Y232"/>
    <mergeCell ref="Z249:AC249"/>
    <mergeCell ref="AD249:AG249"/>
    <mergeCell ref="R248:U248"/>
    <mergeCell ref="Z229:AC229"/>
    <mergeCell ref="S455:AD455"/>
    <mergeCell ref="V217:Y217"/>
    <mergeCell ref="V224:Y224"/>
    <mergeCell ref="Z228:AC228"/>
    <mergeCell ref="Y492:AA492"/>
    <mergeCell ref="V404:Y404"/>
    <mergeCell ref="AD373:AG373"/>
    <mergeCell ref="V372:Y372"/>
    <mergeCell ref="AD371:AG371"/>
    <mergeCell ref="N344:Q344"/>
    <mergeCell ref="AB492:AD492"/>
    <mergeCell ref="S467:AD467"/>
    <mergeCell ref="S492:U492"/>
    <mergeCell ref="S490:U490"/>
    <mergeCell ref="R332:Y333"/>
    <mergeCell ref="AD408:AG408"/>
    <mergeCell ref="Y488:AA488"/>
    <mergeCell ref="AE488:AG488"/>
    <mergeCell ref="AE441:AG441"/>
    <mergeCell ref="AE457:AG457"/>
    <mergeCell ref="O476:Q476"/>
    <mergeCell ref="P488:R488"/>
    <mergeCell ref="AE484:AG487"/>
    <mergeCell ref="Z415:AC415"/>
    <mergeCell ref="AE443:AG443"/>
    <mergeCell ref="N358:Q358"/>
    <mergeCell ref="AE453:AG453"/>
    <mergeCell ref="O469:Q469"/>
    <mergeCell ref="AE456:AG456"/>
    <mergeCell ref="O470:Q470"/>
    <mergeCell ref="O462:Q462"/>
    <mergeCell ref="AE491:AG491"/>
    <mergeCell ref="AD404:AG404"/>
    <mergeCell ref="V484:X485"/>
    <mergeCell ref="O446:Q446"/>
    <mergeCell ref="AD401:AG401"/>
    <mergeCell ref="N388:Q388"/>
    <mergeCell ref="R388:U388"/>
    <mergeCell ref="O464:Q464"/>
    <mergeCell ref="A461:N461"/>
    <mergeCell ref="O475:Q475"/>
    <mergeCell ref="S453:AD453"/>
    <mergeCell ref="AB489:AD489"/>
    <mergeCell ref="AB488:AD488"/>
    <mergeCell ref="S448:AD448"/>
    <mergeCell ref="S489:U489"/>
    <mergeCell ref="S491:U491"/>
    <mergeCell ref="O481:Q481"/>
    <mergeCell ref="S450:AD450"/>
    <mergeCell ref="AE450:AG450"/>
    <mergeCell ref="S460:AD460"/>
    <mergeCell ref="AE460:AG460"/>
    <mergeCell ref="S458:AD458"/>
    <mergeCell ref="AE459:AG459"/>
    <mergeCell ref="AE452:AG452"/>
    <mergeCell ref="O465:Q465"/>
    <mergeCell ref="S454:AD454"/>
    <mergeCell ref="S456:AD456"/>
    <mergeCell ref="C472:N472"/>
    <mergeCell ref="C470:N470"/>
    <mergeCell ref="S465:AD465"/>
    <mergeCell ref="AE465:AG465"/>
    <mergeCell ref="AE454:AG454"/>
    <mergeCell ref="J367:M367"/>
    <mergeCell ref="N367:Q367"/>
    <mergeCell ref="AD386:AG386"/>
    <mergeCell ref="M484:U485"/>
    <mergeCell ref="P486:R487"/>
    <mergeCell ref="AE490:AG490"/>
    <mergeCell ref="AE489:AG489"/>
    <mergeCell ref="AB490:AD490"/>
    <mergeCell ref="O482:Q482"/>
    <mergeCell ref="P490:R490"/>
    <mergeCell ref="V490:X490"/>
    <mergeCell ref="R405:U405"/>
    <mergeCell ref="Z408:AC408"/>
    <mergeCell ref="S477:AD477"/>
    <mergeCell ref="Y484:AD485"/>
    <mergeCell ref="Y486:AA487"/>
    <mergeCell ref="S486:U487"/>
    <mergeCell ref="O474:Q474"/>
    <mergeCell ref="S451:AD451"/>
    <mergeCell ref="O452:Q452"/>
    <mergeCell ref="S452:AD452"/>
    <mergeCell ref="S459:AD459"/>
    <mergeCell ref="O456:Q456"/>
    <mergeCell ref="Z368:AC368"/>
    <mergeCell ref="B464:N464"/>
    <mergeCell ref="C465:N465"/>
    <mergeCell ref="A372:I372"/>
    <mergeCell ref="N372:Q372"/>
    <mergeCell ref="R372:U372"/>
    <mergeCell ref="AE478:AG478"/>
    <mergeCell ref="AE479:AG479"/>
    <mergeCell ref="N386:Q386"/>
    <mergeCell ref="M196:O196"/>
    <mergeCell ref="P197:R197"/>
    <mergeCell ref="V386:Y386"/>
    <mergeCell ref="R346:U346"/>
    <mergeCell ref="N335:Q335"/>
    <mergeCell ref="V342:Y342"/>
    <mergeCell ref="Z343:AC343"/>
    <mergeCell ref="V346:Y346"/>
    <mergeCell ref="AD342:AG342"/>
    <mergeCell ref="J338:M338"/>
    <mergeCell ref="AD366:AG366"/>
    <mergeCell ref="V336:Y336"/>
    <mergeCell ref="Z339:AC339"/>
    <mergeCell ref="R337:U337"/>
    <mergeCell ref="AD345:AG345"/>
    <mergeCell ref="V337:Y337"/>
    <mergeCell ref="N339:Q339"/>
    <mergeCell ref="V335:Y335"/>
    <mergeCell ref="R342:U342"/>
    <mergeCell ref="V339:Y339"/>
    <mergeCell ref="R345:U345"/>
    <mergeCell ref="Z345:AC345"/>
    <mergeCell ref="R341:U341"/>
    <mergeCell ref="J343:M343"/>
    <mergeCell ref="J371:M371"/>
    <mergeCell ref="R369:U369"/>
    <mergeCell ref="J341:M341"/>
    <mergeCell ref="AD335:AG335"/>
    <mergeCell ref="AD334:AG334"/>
    <mergeCell ref="AB197:AD197"/>
    <mergeCell ref="Z335:AC335"/>
    <mergeCell ref="J372:M372"/>
    <mergeCell ref="AB195:AD195"/>
    <mergeCell ref="Y198:AA198"/>
    <mergeCell ref="V216:Y216"/>
    <mergeCell ref="AD218:AG218"/>
    <mergeCell ref="AD270:AG270"/>
    <mergeCell ref="AD284:AG284"/>
    <mergeCell ref="S199:U199"/>
    <mergeCell ref="AE196:AG196"/>
    <mergeCell ref="T207:Z207"/>
    <mergeCell ref="AE197:AG197"/>
    <mergeCell ref="AB198:AD198"/>
    <mergeCell ref="AB199:AD199"/>
    <mergeCell ref="AD298:AG298"/>
    <mergeCell ref="V197:X197"/>
    <mergeCell ref="Z216:AC216"/>
    <mergeCell ref="R218:U218"/>
    <mergeCell ref="Z218:AC218"/>
    <mergeCell ref="AE195:AG195"/>
    <mergeCell ref="R229:U229"/>
    <mergeCell ref="Z270:AC270"/>
    <mergeCell ref="Z269:AC269"/>
    <mergeCell ref="V270:Y270"/>
    <mergeCell ref="R271:U271"/>
    <mergeCell ref="Z238:AC238"/>
    <mergeCell ref="R231:U231"/>
    <mergeCell ref="V231:Y231"/>
    <mergeCell ref="V230:Y230"/>
    <mergeCell ref="R280:U280"/>
    <mergeCell ref="V280:Y280"/>
    <mergeCell ref="Z280:AC280"/>
    <mergeCell ref="AD280:AG280"/>
    <mergeCell ref="S260:T260"/>
    <mergeCell ref="P51:U51"/>
    <mergeCell ref="B43:F43"/>
    <mergeCell ref="G43:I43"/>
    <mergeCell ref="J43:L43"/>
    <mergeCell ref="E54:I54"/>
    <mergeCell ref="A49:I49"/>
    <mergeCell ref="AB40:AD40"/>
    <mergeCell ref="AE40:AG40"/>
    <mergeCell ref="Y41:AA41"/>
    <mergeCell ref="AB41:AD41"/>
    <mergeCell ref="AE41:AG41"/>
    <mergeCell ref="M39:O39"/>
    <mergeCell ref="B44:F44"/>
    <mergeCell ref="S40:U40"/>
    <mergeCell ref="V40:X40"/>
    <mergeCell ref="Y42:AA42"/>
    <mergeCell ref="AB42:AD42"/>
    <mergeCell ref="AE42:AG42"/>
    <mergeCell ref="Y43:AA43"/>
    <mergeCell ref="AB43:AD43"/>
    <mergeCell ref="J50:L50"/>
    <mergeCell ref="P43:R43"/>
    <mergeCell ref="S43:U43"/>
    <mergeCell ref="P41:R41"/>
    <mergeCell ref="M41:O41"/>
    <mergeCell ref="M54:O54"/>
    <mergeCell ref="P54:U54"/>
    <mergeCell ref="J52:L52"/>
    <mergeCell ref="AB39:AD39"/>
    <mergeCell ref="AE39:AG39"/>
    <mergeCell ref="A51:I51"/>
    <mergeCell ref="V43:X43"/>
    <mergeCell ref="V194:X194"/>
    <mergeCell ref="P194:R194"/>
    <mergeCell ref="G33:O34"/>
    <mergeCell ref="AE170:AG170"/>
    <mergeCell ref="AD129:AG129"/>
    <mergeCell ref="AE80:AG80"/>
    <mergeCell ref="AD97:AG97"/>
    <mergeCell ref="AC78:AD79"/>
    <mergeCell ref="Y67:AA67"/>
    <mergeCell ref="AB51:AG51"/>
    <mergeCell ref="W130:Z130"/>
    <mergeCell ref="V69:X69"/>
    <mergeCell ref="V66:X66"/>
    <mergeCell ref="Z82:AB82"/>
    <mergeCell ref="W88:Y89"/>
    <mergeCell ref="AD137:AG137"/>
    <mergeCell ref="S137:V138"/>
    <mergeCell ref="S150:W150"/>
    <mergeCell ref="Y37:AA37"/>
    <mergeCell ref="AB37:AD37"/>
    <mergeCell ref="AE37:AG37"/>
    <mergeCell ref="Y38:AA38"/>
    <mergeCell ref="AB38:AD38"/>
    <mergeCell ref="AE38:AG38"/>
    <mergeCell ref="Y39:AA39"/>
    <mergeCell ref="AE43:AG43"/>
    <mergeCell ref="Y44:AA44"/>
    <mergeCell ref="AB44:AD44"/>
    <mergeCell ref="AE44:AG44"/>
    <mergeCell ref="V44:X44"/>
    <mergeCell ref="AD139:AG139"/>
    <mergeCell ref="AB55:AG55"/>
    <mergeCell ref="Z365:AC365"/>
    <mergeCell ref="Z344:AC344"/>
    <mergeCell ref="AD338:AG338"/>
    <mergeCell ref="A347:I347"/>
    <mergeCell ref="J347:M347"/>
    <mergeCell ref="N347:Q347"/>
    <mergeCell ref="R347:U347"/>
    <mergeCell ref="V347:Y347"/>
    <mergeCell ref="AD343:AG343"/>
    <mergeCell ref="Z338:AC338"/>
    <mergeCell ref="Z347:AC347"/>
    <mergeCell ref="AD347:AG347"/>
    <mergeCell ref="A348:I348"/>
    <mergeCell ref="J348:M348"/>
    <mergeCell ref="R364:U364"/>
    <mergeCell ref="AD365:AG365"/>
    <mergeCell ref="R365:U365"/>
    <mergeCell ref="AD344:AG344"/>
    <mergeCell ref="N343:Q343"/>
    <mergeCell ref="A358:I358"/>
    <mergeCell ref="R339:U339"/>
    <mergeCell ref="R350:U350"/>
    <mergeCell ref="V350:Y350"/>
    <mergeCell ref="R352:U352"/>
    <mergeCell ref="V352:Y352"/>
    <mergeCell ref="A353:I353"/>
    <mergeCell ref="J353:M353"/>
    <mergeCell ref="N353:Q353"/>
    <mergeCell ref="A355:I355"/>
    <mergeCell ref="J355:M355"/>
    <mergeCell ref="N355:Q355"/>
    <mergeCell ref="R353:U353"/>
    <mergeCell ref="Y68:AA68"/>
    <mergeCell ref="S70:U70"/>
    <mergeCell ref="AB70:AD70"/>
    <mergeCell ref="AB71:AD71"/>
    <mergeCell ref="W82:Y82"/>
    <mergeCell ref="Q81:S81"/>
    <mergeCell ref="T81:V81"/>
    <mergeCell ref="T80:V80"/>
    <mergeCell ref="Y199:AA199"/>
    <mergeCell ref="AA204:AG204"/>
    <mergeCell ref="Z279:AC279"/>
    <mergeCell ref="AD279:AG279"/>
    <mergeCell ref="R263:U263"/>
    <mergeCell ref="F260:Q260"/>
    <mergeCell ref="S254:T254"/>
    <mergeCell ref="S255:T255"/>
    <mergeCell ref="W253:X253"/>
    <mergeCell ref="R265:U265"/>
    <mergeCell ref="R276:U276"/>
    <mergeCell ref="AD273:AG273"/>
    <mergeCell ref="AA206:AG206"/>
    <mergeCell ref="T206:Z206"/>
    <mergeCell ref="Z231:AC231"/>
    <mergeCell ref="G195:I195"/>
    <mergeCell ref="J197:L197"/>
    <mergeCell ref="M197:O197"/>
    <mergeCell ref="P196:R196"/>
    <mergeCell ref="G192:I192"/>
    <mergeCell ref="M192:O192"/>
    <mergeCell ref="F255:Q255"/>
    <mergeCell ref="Z255:AC255"/>
    <mergeCell ref="AD255:AG255"/>
    <mergeCell ref="M327:S327"/>
    <mergeCell ref="F231:Q231"/>
    <mergeCell ref="A252:E252"/>
    <mergeCell ref="F252:Q252"/>
    <mergeCell ref="W255:X255"/>
    <mergeCell ref="A250:E250"/>
    <mergeCell ref="F250:Q250"/>
    <mergeCell ref="A375:I375"/>
    <mergeCell ref="J375:M375"/>
    <mergeCell ref="N375:Q375"/>
    <mergeCell ref="R375:U375"/>
    <mergeCell ref="V375:Y375"/>
    <mergeCell ref="Z375:AC375"/>
    <mergeCell ref="AD375:AG375"/>
    <mergeCell ref="P52:U52"/>
    <mergeCell ref="V52:AA52"/>
    <mergeCell ref="AB52:AG52"/>
    <mergeCell ref="E55:I55"/>
    <mergeCell ref="J55:L55"/>
    <mergeCell ref="M55:O55"/>
    <mergeCell ref="P55:U55"/>
    <mergeCell ref="V55:AA55"/>
    <mergeCell ref="N348:Q348"/>
    <mergeCell ref="R348:U348"/>
    <mergeCell ref="V348:Y348"/>
    <mergeCell ref="Z348:AC348"/>
    <mergeCell ref="AB118:AD118"/>
    <mergeCell ref="Y197:AA197"/>
    <mergeCell ref="A334:I334"/>
    <mergeCell ref="A336:I336"/>
    <mergeCell ref="Z342:AC342"/>
    <mergeCell ref="V345:Y345"/>
    <mergeCell ref="V279:Y279"/>
    <mergeCell ref="Z273:AC273"/>
    <mergeCell ref="V269:Y269"/>
    <mergeCell ref="F268:Q268"/>
    <mergeCell ref="R268:U268"/>
    <mergeCell ref="V268:Y268"/>
    <mergeCell ref="Z268:AC268"/>
    <mergeCell ref="AD268:AG268"/>
    <mergeCell ref="A276:E276"/>
    <mergeCell ref="V273:Y273"/>
    <mergeCell ref="R266:U266"/>
    <mergeCell ref="V353:Y353"/>
    <mergeCell ref="A354:I354"/>
    <mergeCell ref="J354:M354"/>
    <mergeCell ref="N354:Q354"/>
    <mergeCell ref="R354:U354"/>
    <mergeCell ref="V354:Y354"/>
    <mergeCell ref="A283:E283"/>
    <mergeCell ref="F283:Q283"/>
    <mergeCell ref="R283:U283"/>
    <mergeCell ref="V283:Y283"/>
    <mergeCell ref="Z283:AC283"/>
    <mergeCell ref="AD283:AG283"/>
    <mergeCell ref="F286:Q286"/>
    <mergeCell ref="A349:I349"/>
    <mergeCell ref="J349:M349"/>
    <mergeCell ref="N349:Q349"/>
    <mergeCell ref="R349:U349"/>
    <mergeCell ref="V349:Y349"/>
    <mergeCell ref="A350:I350"/>
    <mergeCell ref="J350:M350"/>
    <mergeCell ref="N350:Q350"/>
    <mergeCell ref="AA328:AG328"/>
    <mergeCell ref="AA326:AG326"/>
    <mergeCell ref="AE318:AG318"/>
    <mergeCell ref="Y319:AA319"/>
    <mergeCell ref="Y318:AA318"/>
    <mergeCell ref="V318:X318"/>
    <mergeCell ref="M324:Z324"/>
    <mergeCell ref="A338:I338"/>
    <mergeCell ref="AD341:AG341"/>
    <mergeCell ref="V355:Y355"/>
    <mergeCell ref="Z349:AC349"/>
    <mergeCell ref="Z350:AC350"/>
    <mergeCell ref="Z351:AC351"/>
    <mergeCell ref="Z352:AC352"/>
    <mergeCell ref="Z353:AC353"/>
    <mergeCell ref="Z354:AC354"/>
    <mergeCell ref="Z355:AC355"/>
    <mergeCell ref="AD349:AG349"/>
    <mergeCell ref="AD350:AG350"/>
    <mergeCell ref="AD351:AG351"/>
    <mergeCell ref="AD352:AG352"/>
    <mergeCell ref="AD353:AG353"/>
    <mergeCell ref="AD354:AG354"/>
    <mergeCell ref="AD355:AG355"/>
    <mergeCell ref="A351:I351"/>
    <mergeCell ref="J351:M351"/>
    <mergeCell ref="N351:Q351"/>
    <mergeCell ref="R351:U351"/>
    <mergeCell ref="V351:Y351"/>
    <mergeCell ref="A352:I352"/>
    <mergeCell ref="J352:M352"/>
    <mergeCell ref="N352:Q352"/>
    <mergeCell ref="AI378:AL378"/>
    <mergeCell ref="A406:I406"/>
    <mergeCell ref="J406:M406"/>
    <mergeCell ref="N406:Q406"/>
    <mergeCell ref="R406:U406"/>
    <mergeCell ref="V406:Y406"/>
    <mergeCell ref="Z406:AC406"/>
    <mergeCell ref="AD406:AG406"/>
    <mergeCell ref="A407:I407"/>
    <mergeCell ref="J407:M407"/>
    <mergeCell ref="N407:Q407"/>
    <mergeCell ref="R407:U407"/>
    <mergeCell ref="V407:Y407"/>
    <mergeCell ref="Z407:AC407"/>
    <mergeCell ref="AD407:AG407"/>
    <mergeCell ref="B459:N459"/>
    <mergeCell ref="AD397:AG397"/>
    <mergeCell ref="B456:N456"/>
    <mergeCell ref="B458:N458"/>
    <mergeCell ref="S449:AD449"/>
    <mergeCell ref="B441:N441"/>
    <mergeCell ref="O458:Q458"/>
    <mergeCell ref="S457:AD457"/>
    <mergeCell ref="R386:U386"/>
    <mergeCell ref="B454:N454"/>
    <mergeCell ref="Z392:AG393"/>
    <mergeCell ref="R397:U397"/>
    <mergeCell ref="R396:U396"/>
    <mergeCell ref="Z398:AC398"/>
    <mergeCell ref="R408:U408"/>
    <mergeCell ref="AE448:AG448"/>
    <mergeCell ref="V381:Y381"/>
  </mergeCells>
  <phoneticPr fontId="3"/>
  <dataValidations count="1">
    <dataValidation imeMode="hiragana" allowBlank="1" showInputMessage="1" showErrorMessage="1" sqref="A504 A496 A483 A512 A331 A312 A322 A302 A86 A202 A184 A135 A391 A361 A431 A416"/>
  </dataValidations>
  <printOptions horizontalCentered="1"/>
  <pageMargins left="0.78740157480314965" right="0.78740157480314965" top="0.78740157480314965" bottom="0.78740157480314965" header="0.51181102362204722" footer="0.39370078740157483"/>
  <pageSetup paperSize="9" scale="82" firstPageNumber="86" orientation="portrait" useFirstPageNumber="1" r:id="rId1"/>
  <headerFooter alignWithMargins="0">
    <oddFooter>&amp;C&amp;10- &amp;P -</oddFooter>
  </headerFooter>
  <rowBreaks count="10" manualBreakCount="10">
    <brk id="46" max="32" man="1"/>
    <brk id="101" max="32" man="1"/>
    <brk id="145" max="32" man="1"/>
    <brk id="183" max="32" man="1"/>
    <brk id="211" max="32" man="1"/>
    <brk id="271" max="32" man="1"/>
    <brk id="330" max="32" man="1"/>
    <brk id="389" max="32" man="1"/>
    <brk id="430" max="32" man="1"/>
    <brk id="482" max="32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教育・文化</vt:lpstr>
      <vt:lpstr>教育・文化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6-03-17T11:23:11Z</cp:lastPrinted>
  <dcterms:created xsi:type="dcterms:W3CDTF">2006-12-15T04:30:21Z</dcterms:created>
  <dcterms:modified xsi:type="dcterms:W3CDTF">2026-03-21T07:06:49Z</dcterms:modified>
</cp:coreProperties>
</file>